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425"/>
  <workbookPr/>
  <mc:AlternateContent xmlns:mc="http://schemas.openxmlformats.org/markup-compatibility/2006">
    <mc:Choice Requires="x15">
      <x15ac:absPath xmlns:x15ac="http://schemas.microsoft.com/office/spreadsheetml/2010/11/ac" url="\\smd1fs01\s165\S165経営支援部\新事部-R1連携事業支援☆\C2 03販路開拓支援\C2 01 パートナー事業\C2 03 パートナー企画\C2 令和6年度\03-12_フィネクトパートナーズ商品募集　　　　  （決裁前・資料回収済）\01_エントリー\"/>
    </mc:Choice>
  </mc:AlternateContent>
  <xr:revisionPtr revIDLastSave="0" documentId="13_ncr:1_{FE8D71D3-70EA-4299-A02E-5AA68556D1F2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商品シート" sheetId="4" r:id="rId1"/>
    <sheet name="Sheet1" sheetId="5" state="hidden" r:id="rId2"/>
  </sheets>
  <definedNames>
    <definedName name="_xlnm.Print_Area" localSheetId="0">商品シート!$A$1:$M$38</definedName>
    <definedName name="サービス業・他に分類されないもの">Sheet1!$V$4:$V$12</definedName>
    <definedName name="医療・福祉">Sheet1!$T$4:$T$6</definedName>
    <definedName name="運輸業・郵便業">Sheet1!$L$4:$L$11</definedName>
    <definedName name="卸売業・小売業">Sheet1!$M$4:$M$15</definedName>
    <definedName name="学術研究・専門・技術サービス業">Sheet1!$P$4:$P$7</definedName>
    <definedName name="漁業">Sheet1!$F$4:$F$5</definedName>
    <definedName name="教育・学習支援業">Sheet1!$S$4:$S$5</definedName>
    <definedName name="金融業・保険業">Sheet1!$N$4:$N$9</definedName>
    <definedName name="建設業">Sheet1!$H$4:$H$6</definedName>
    <definedName name="公務・他に分類されるものを除く">Sheet1!$W$4:$W$5</definedName>
    <definedName name="鉱業・採石業・砂利採取業">Sheet1!$G$4</definedName>
    <definedName name="宿泊業・飲食サービス業">Sheet1!$Q$4:$Q$6</definedName>
    <definedName name="情報通信業">Sheet1!$K$4:$K$8</definedName>
    <definedName name="生活関連サービス業・娯楽業">Sheet1!$R$4:$R$6</definedName>
    <definedName name="製造業">Sheet1!$I$4:$I$27</definedName>
    <definedName name="電気・ガス・熱供給・水道業">Sheet1!$J$4:$J$7</definedName>
    <definedName name="農業・林業">Sheet1!$E$4:$E$5</definedName>
    <definedName name="不動産業・物品賃貸業">Sheet1!$O$4:$O$7</definedName>
    <definedName name="複合サービス事業">Sheet1!$U$4:$U$5</definedName>
    <definedName name="分類不能の産業">Sheet1!$X$4</definedName>
  </definedNames>
  <calcPr calcId="162913"/>
</workbook>
</file>

<file path=xl/sharedStrings.xml><?xml version="1.0" encoding="utf-8"?>
<sst xmlns="http://schemas.openxmlformats.org/spreadsheetml/2006/main" count="214" uniqueCount="209">
  <si>
    <t>円</t>
    <rPh sb="0" eb="1">
      <t>エン</t>
    </rPh>
    <phoneticPr fontId="2"/>
  </si>
  <si>
    <t>商品名</t>
    <rPh sb="0" eb="3">
      <t>ショウヒンメイ</t>
    </rPh>
    <phoneticPr fontId="2"/>
  </si>
  <si>
    <t>商品シート</t>
    <rPh sb="0" eb="2">
      <t>ショウヒン</t>
    </rPh>
    <phoneticPr fontId="2"/>
  </si>
  <si>
    <t>商品分類</t>
    <rPh sb="0" eb="2">
      <t>ショウヒン</t>
    </rPh>
    <rPh sb="2" eb="4">
      <t>ブンルイ</t>
    </rPh>
    <phoneticPr fontId="2"/>
  </si>
  <si>
    <t>取引条件</t>
    <rPh sb="0" eb="2">
      <t>トリヒキ</t>
    </rPh>
    <rPh sb="2" eb="4">
      <t>ジョウケン</t>
    </rPh>
    <phoneticPr fontId="2"/>
  </si>
  <si>
    <t>締日/支払日</t>
    <rPh sb="0" eb="2">
      <t>シメビ</t>
    </rPh>
    <rPh sb="3" eb="6">
      <t>シハライビ</t>
    </rPh>
    <phoneticPr fontId="2"/>
  </si>
  <si>
    <t>受注から発送期間</t>
    <rPh sb="0" eb="2">
      <t>ジュチュウ</t>
    </rPh>
    <rPh sb="4" eb="6">
      <t>ハッソウ</t>
    </rPh>
    <rPh sb="6" eb="8">
      <t>キカン</t>
    </rPh>
    <phoneticPr fontId="2"/>
  </si>
  <si>
    <t>作成：令和●年　●月　●日</t>
  </si>
  <si>
    <t>ブランド名</t>
    <rPh sb="4" eb="5">
      <t>メイ</t>
    </rPh>
    <phoneticPr fontId="2"/>
  </si>
  <si>
    <t>卸値</t>
    <rPh sb="0" eb="2">
      <t>オロシネ</t>
    </rPh>
    <phoneticPr fontId="2"/>
  </si>
  <si>
    <t>販売手数料率</t>
    <rPh sb="0" eb="2">
      <t>ハンバイ</t>
    </rPh>
    <rPh sb="2" eb="5">
      <t>テスウリョウ</t>
    </rPh>
    <rPh sb="5" eb="6">
      <t>リツ</t>
    </rPh>
    <phoneticPr fontId="2"/>
  </si>
  <si>
    <t>※追加個別送料</t>
    <rPh sb="1" eb="3">
      <t>ツイカ</t>
    </rPh>
    <rPh sb="3" eb="5">
      <t>コベツ</t>
    </rPh>
    <rPh sb="5" eb="7">
      <t>ソウリョウ</t>
    </rPh>
    <phoneticPr fontId="2"/>
  </si>
  <si>
    <t>商品サイズ</t>
    <rPh sb="0" eb="2">
      <t>ショウヒン</t>
    </rPh>
    <phoneticPr fontId="2"/>
  </si>
  <si>
    <t>商品画像</t>
    <rPh sb="0" eb="2">
      <t>ショウヒン</t>
    </rPh>
    <rPh sb="2" eb="4">
      <t>ガゾウ</t>
    </rPh>
    <phoneticPr fontId="2"/>
  </si>
  <si>
    <t>容量・重さ</t>
    <rPh sb="0" eb="2">
      <t>ヨウリョウ</t>
    </rPh>
    <rPh sb="3" eb="4">
      <t>オモ</t>
    </rPh>
    <phoneticPr fontId="2"/>
  </si>
  <si>
    <t>原材料・素材</t>
    <rPh sb="0" eb="3">
      <t>ゲンザイリョウ</t>
    </rPh>
    <rPh sb="4" eb="6">
      <t>ソザイ</t>
    </rPh>
    <phoneticPr fontId="2"/>
  </si>
  <si>
    <t>初回設定在庫数</t>
    <rPh sb="0" eb="2">
      <t>ショカイ</t>
    </rPh>
    <rPh sb="2" eb="4">
      <t>セッテイ</t>
    </rPh>
    <rPh sb="4" eb="7">
      <t>ザイコスウ</t>
    </rPh>
    <phoneticPr fontId="2"/>
  </si>
  <si>
    <t>商品特徴PR</t>
    <rPh sb="0" eb="2">
      <t>ショウヒン</t>
    </rPh>
    <rPh sb="2" eb="4">
      <t>トクチョウ</t>
    </rPh>
    <phoneticPr fontId="2"/>
  </si>
  <si>
    <t>その他特記事項</t>
    <rPh sb="2" eb="3">
      <t>ホカ</t>
    </rPh>
    <rPh sb="3" eb="5">
      <t>トッキ</t>
    </rPh>
    <rPh sb="5" eb="7">
      <t>ジコウ</t>
    </rPh>
    <phoneticPr fontId="2"/>
  </si>
  <si>
    <t>ギフト包装の有無</t>
    <rPh sb="3" eb="5">
      <t>ホウソウ</t>
    </rPh>
    <rPh sb="6" eb="8">
      <t>ウム</t>
    </rPh>
    <phoneticPr fontId="2"/>
  </si>
  <si>
    <t>熨斗（のし）対応の有無</t>
    <rPh sb="9" eb="11">
      <t>ウム</t>
    </rPh>
    <phoneticPr fontId="2"/>
  </si>
  <si>
    <t>製品の不具合による返品にはご対応をお願いいたします。</t>
    <rPh sb="0" eb="2">
      <t>セイヒン</t>
    </rPh>
    <rPh sb="3" eb="6">
      <t>フグアイ</t>
    </rPh>
    <rPh sb="9" eb="11">
      <t>ヘンピン</t>
    </rPh>
    <rPh sb="14" eb="16">
      <t>タイオウ</t>
    </rPh>
    <rPh sb="18" eb="19">
      <t>ネガ</t>
    </rPh>
    <phoneticPr fontId="2"/>
  </si>
  <si>
    <t>●営業日</t>
    <phoneticPr fontId="2"/>
  </si>
  <si>
    <t>消費税率</t>
    <phoneticPr fontId="2"/>
  </si>
  <si>
    <t>●g</t>
    <phoneticPr fontId="2"/>
  </si>
  <si>
    <t>カラーバリエーション</t>
    <phoneticPr fontId="2"/>
  </si>
  <si>
    <t>生産地</t>
    <phoneticPr fontId="2"/>
  </si>
  <si>
    <t>商品特徴</t>
    <phoneticPr fontId="2"/>
  </si>
  <si>
    <t>弊社から御社へのお支払いのタイミングはカード会社からの入金後となります。</t>
    <phoneticPr fontId="2"/>
  </si>
  <si>
    <t>弊社スタッフからのご連絡は原則としてメールまたは電話となります。</t>
    <phoneticPr fontId="2"/>
  </si>
  <si>
    <t>商品の確保が難しくなる場合は、事前に通知をお願いいたします。</t>
    <phoneticPr fontId="2"/>
  </si>
  <si>
    <t xml:space="preserve">■ 　商品概要　■ </t>
    <rPh sb="3" eb="5">
      <t>ショウヒン</t>
    </rPh>
    <rPh sb="5" eb="7">
      <t>ガイヨウ</t>
    </rPh>
    <phoneticPr fontId="2"/>
  </si>
  <si>
    <t>■　 商品詳細　■</t>
    <rPh sb="3" eb="5">
      <t>ショウヒン</t>
    </rPh>
    <rPh sb="5" eb="7">
      <t>ショウサイ</t>
    </rPh>
    <phoneticPr fontId="2"/>
  </si>
  <si>
    <r>
      <t>商品の提供開始時期等に制約がある場合はお知らせください。</t>
    </r>
    <r>
      <rPr>
        <sz val="9"/>
        <rFont val="BIZ UDPゴシック"/>
        <family val="3"/>
        <charset val="128"/>
      </rPr>
      <t>（※ない場合は空欄）</t>
    </r>
    <rPh sb="32" eb="34">
      <t>バアイ</t>
    </rPh>
    <rPh sb="35" eb="37">
      <t>クウラン</t>
    </rPh>
    <phoneticPr fontId="2"/>
  </si>
  <si>
    <t>■ 　オプション対応　■</t>
    <rPh sb="8" eb="10">
      <t>タイオウ</t>
    </rPh>
    <phoneticPr fontId="2"/>
  </si>
  <si>
    <t>御歳暮</t>
    <rPh sb="0" eb="3">
      <t>オセイボ</t>
    </rPh>
    <phoneticPr fontId="2"/>
  </si>
  <si>
    <t>御年賀</t>
    <rPh sb="0" eb="3">
      <t>オネンガ</t>
    </rPh>
    <phoneticPr fontId="2"/>
  </si>
  <si>
    <t>暑中御見舞</t>
    <rPh sb="0" eb="2">
      <t>ショチュウ</t>
    </rPh>
    <rPh sb="3" eb="5">
      <t>ミマ</t>
    </rPh>
    <phoneticPr fontId="2"/>
  </si>
  <si>
    <t>残暑御見舞</t>
    <rPh sb="0" eb="2">
      <t>ザンショ</t>
    </rPh>
    <rPh sb="2" eb="5">
      <t>オミマ</t>
    </rPh>
    <phoneticPr fontId="2"/>
  </si>
  <si>
    <t>お祝</t>
    <rPh sb="1" eb="2">
      <t>イワ</t>
    </rPh>
    <phoneticPr fontId="2"/>
  </si>
  <si>
    <t>内祝</t>
    <rPh sb="0" eb="2">
      <t>ウチイワ</t>
    </rPh>
    <phoneticPr fontId="2"/>
  </si>
  <si>
    <t>寿</t>
    <rPh sb="0" eb="1">
      <t>コトブキ</t>
    </rPh>
    <phoneticPr fontId="2"/>
  </si>
  <si>
    <t>御見舞</t>
    <rPh sb="0" eb="3">
      <t>オミマイ</t>
    </rPh>
    <phoneticPr fontId="2"/>
  </si>
  <si>
    <t>御挨拶</t>
    <rPh sb="0" eb="3">
      <t>ゴアイサツ</t>
    </rPh>
    <phoneticPr fontId="2"/>
  </si>
  <si>
    <t>御礼</t>
    <rPh sb="0" eb="2">
      <t>オレイ</t>
    </rPh>
    <phoneticPr fontId="2"/>
  </si>
  <si>
    <t>御霊前</t>
    <rPh sb="0" eb="3">
      <t>ゴレイゼン</t>
    </rPh>
    <phoneticPr fontId="2"/>
  </si>
  <si>
    <t>御仏前</t>
    <rPh sb="0" eb="3">
      <t>ゴブツゼン</t>
    </rPh>
    <phoneticPr fontId="2"/>
  </si>
  <si>
    <t>粗品</t>
    <rPh sb="0" eb="2">
      <t>ソシナ</t>
    </rPh>
    <phoneticPr fontId="2"/>
  </si>
  <si>
    <t>志</t>
    <rPh sb="0" eb="1">
      <t>ココロザシ</t>
    </rPh>
    <phoneticPr fontId="2"/>
  </si>
  <si>
    <t>御供養</t>
    <rPh sb="0" eb="3">
      <t>ゴクヨウ</t>
    </rPh>
    <phoneticPr fontId="2"/>
  </si>
  <si>
    <r>
      <t>アレルギー（特定7品目）</t>
    </r>
    <r>
      <rPr>
        <sz val="8"/>
        <rFont val="BIZ UDPゴシック"/>
        <family val="3"/>
        <charset val="128"/>
      </rPr>
      <t xml:space="preserve">
※食品商品の場合&lt;卵,乳,小麦,えび,かに,落花生,そば&gt;</t>
    </r>
    <rPh sb="6" eb="8">
      <t>トクテイ</t>
    </rPh>
    <rPh sb="9" eb="11">
      <t>ヒンモク</t>
    </rPh>
    <phoneticPr fontId="2"/>
  </si>
  <si>
    <r>
      <t xml:space="preserve">使用上の注意
</t>
    </r>
    <r>
      <rPr>
        <sz val="8"/>
        <rFont val="BIZ UDPゴシック"/>
        <family val="3"/>
        <charset val="128"/>
      </rPr>
      <t>※特にない場合は空欄</t>
    </r>
    <rPh sb="8" eb="9">
      <t>トク</t>
    </rPh>
    <rPh sb="12" eb="14">
      <t>バアイ</t>
    </rPh>
    <rPh sb="15" eb="17">
      <t>クウラン</t>
    </rPh>
    <phoneticPr fontId="2"/>
  </si>
  <si>
    <t>ギフト包装が有料の場合、その金額</t>
    <phoneticPr fontId="2"/>
  </si>
  <si>
    <r>
      <t>熨斗の種類　</t>
    </r>
    <r>
      <rPr>
        <sz val="9"/>
        <rFont val="BIZ UDPゴシック"/>
        <family val="3"/>
        <charset val="128"/>
      </rPr>
      <t>※対応可能なものを選</t>
    </r>
    <r>
      <rPr>
        <sz val="10"/>
        <rFont val="BIZ UDPゴシック"/>
        <family val="3"/>
        <charset val="128"/>
      </rPr>
      <t>択　↓</t>
    </r>
    <phoneticPr fontId="2"/>
  </si>
  <si>
    <t>記載不要</t>
    <rPh sb="0" eb="4">
      <t>キサイフヨウ</t>
    </rPh>
    <phoneticPr fontId="2"/>
  </si>
  <si>
    <r>
      <t>●×●×●㎜</t>
    </r>
    <r>
      <rPr>
        <sz val="9"/>
        <rFont val="BIZ UDPゴシック"/>
        <family val="3"/>
        <charset val="128"/>
      </rPr>
      <t>（幅×奥行×高）</t>
    </r>
    <phoneticPr fontId="2"/>
  </si>
  <si>
    <r>
      <t>販売価格</t>
    </r>
    <r>
      <rPr>
        <sz val="8"/>
        <rFont val="BIZ UDPゴシック"/>
        <family val="3"/>
        <charset val="128"/>
      </rPr>
      <t>（送料込、税別）</t>
    </r>
    <rPh sb="0" eb="2">
      <t>ハンバイ</t>
    </rPh>
    <rPh sb="2" eb="4">
      <t>カカク</t>
    </rPh>
    <rPh sb="5" eb="7">
      <t>ソウリョウ</t>
    </rPh>
    <rPh sb="7" eb="8">
      <t>コ</t>
    </rPh>
    <rPh sb="9" eb="11">
      <t>ゼイベツ</t>
    </rPh>
    <phoneticPr fontId="2"/>
  </si>
  <si>
    <t>御中元</t>
    <rPh sb="0" eb="1">
      <t>オ</t>
    </rPh>
    <rPh sb="1" eb="3">
      <t>チュウゲン</t>
    </rPh>
    <phoneticPr fontId="2"/>
  </si>
  <si>
    <t>✓</t>
    <phoneticPr fontId="2"/>
  </si>
  <si>
    <t>アパレル</t>
    <phoneticPr fontId="2"/>
  </si>
  <si>
    <t>農業・林業</t>
    <phoneticPr fontId="2"/>
  </si>
  <si>
    <t>漁業</t>
  </si>
  <si>
    <t>鉱業・採石業・砂利採取業</t>
    <phoneticPr fontId="2"/>
  </si>
  <si>
    <t>建設業</t>
    <phoneticPr fontId="2"/>
  </si>
  <si>
    <t>製造業</t>
  </si>
  <si>
    <t>電気・ガス・熱供給・水道業</t>
    <phoneticPr fontId="2"/>
  </si>
  <si>
    <t>情報通信業</t>
    <phoneticPr fontId="2"/>
  </si>
  <si>
    <t>運輸業・郵便業</t>
    <phoneticPr fontId="2"/>
  </si>
  <si>
    <t>卸売業・小売業</t>
    <phoneticPr fontId="2"/>
  </si>
  <si>
    <t>金融業・保険業</t>
    <phoneticPr fontId="2"/>
  </si>
  <si>
    <t>不動産業・物品賃貸業</t>
    <phoneticPr fontId="2"/>
  </si>
  <si>
    <t>学術研究・専門・技術サービス業</t>
    <phoneticPr fontId="2"/>
  </si>
  <si>
    <t>宿泊業・飲食サービス業</t>
    <phoneticPr fontId="2"/>
  </si>
  <si>
    <t>生活関連サービス業・娯楽業</t>
    <phoneticPr fontId="2"/>
  </si>
  <si>
    <t>教育・学習支援業</t>
    <phoneticPr fontId="2"/>
  </si>
  <si>
    <t>医療・福祉</t>
    <phoneticPr fontId="2"/>
  </si>
  <si>
    <t>複合サービス事業</t>
    <phoneticPr fontId="2"/>
  </si>
  <si>
    <t>サービス業・他に分類されないもの</t>
    <phoneticPr fontId="2"/>
  </si>
  <si>
    <t>公務・他に分類されるものを除く</t>
    <phoneticPr fontId="2"/>
  </si>
  <si>
    <t>分類不能の産業</t>
    <phoneticPr fontId="2"/>
  </si>
  <si>
    <t>ファッショングッズ</t>
    <phoneticPr fontId="2"/>
  </si>
  <si>
    <t>農業</t>
  </si>
  <si>
    <t>漁業（水産養殖業を除く）</t>
  </si>
  <si>
    <t>総合工事業</t>
  </si>
  <si>
    <t>食料品製造業</t>
  </si>
  <si>
    <t>電気業</t>
  </si>
  <si>
    <t>通信業</t>
  </si>
  <si>
    <t>鉄道業</t>
  </si>
  <si>
    <t>各種商品卸売業</t>
  </si>
  <si>
    <t>銀行業</t>
  </si>
  <si>
    <t>不動産取引業</t>
  </si>
  <si>
    <t>学術・開発研究機関</t>
  </si>
  <si>
    <t>宿泊業</t>
  </si>
  <si>
    <t>洗濯・理容・美容・浴場業</t>
  </si>
  <si>
    <t>学校教育</t>
  </si>
  <si>
    <t>医療業</t>
  </si>
  <si>
    <t>郵便局</t>
  </si>
  <si>
    <t>廃棄物処理業</t>
  </si>
  <si>
    <t>国家公務</t>
  </si>
  <si>
    <t>分類不能の産業</t>
  </si>
  <si>
    <t>日用雑貨</t>
    <rPh sb="0" eb="4">
      <t>ニチヨウザッカ</t>
    </rPh>
    <phoneticPr fontId="2"/>
  </si>
  <si>
    <t>林業</t>
  </si>
  <si>
    <t>水産養殖業</t>
  </si>
  <si>
    <t>職別工事業(設備工事業を除く)</t>
  </si>
  <si>
    <t>飲料・たばこ・飼料製造業</t>
  </si>
  <si>
    <t>ガス業</t>
  </si>
  <si>
    <t>放送業</t>
  </si>
  <si>
    <t>道路旅客運送業</t>
  </si>
  <si>
    <t>繊維・衣服等卸売業</t>
  </si>
  <si>
    <t>協同組織金融業</t>
  </si>
  <si>
    <t>不動産賃貸業・管理業</t>
  </si>
  <si>
    <t>専門サービス業（他に分類されないもの）</t>
  </si>
  <si>
    <t>飲食店</t>
  </si>
  <si>
    <t>その他の生活関連サービス業</t>
  </si>
  <si>
    <t>その他の教育，学習支援業</t>
  </si>
  <si>
    <t>保健衛生</t>
  </si>
  <si>
    <t>協同組合（他に分類されないもの）</t>
  </si>
  <si>
    <t>自動車整備業</t>
  </si>
  <si>
    <t>地方公務</t>
  </si>
  <si>
    <t>ホビー・スポーツ</t>
    <phoneticPr fontId="2"/>
  </si>
  <si>
    <t>設備工事業</t>
  </si>
  <si>
    <t>繊維工業</t>
  </si>
  <si>
    <t>熱供給業</t>
  </si>
  <si>
    <t>情報サービス業</t>
  </si>
  <si>
    <t>道路貨物運送業</t>
  </si>
  <si>
    <t>飲食料品卸売業</t>
  </si>
  <si>
    <t>貸金業，クレジットカード業等非預金信用機関</t>
  </si>
  <si>
    <t>物品賃貸業</t>
  </si>
  <si>
    <t>広告業</t>
  </si>
  <si>
    <t>持ち帰り・配達飲食サービス業</t>
  </si>
  <si>
    <t>娯楽業</t>
  </si>
  <si>
    <t>社会保険・社会福祉・介護事業</t>
  </si>
  <si>
    <t>機械等修理業（別掲を除く）</t>
  </si>
  <si>
    <t>美容・健康</t>
    <rPh sb="0" eb="2">
      <t>ビヨウ</t>
    </rPh>
    <rPh sb="3" eb="5">
      <t>ケンコウ</t>
    </rPh>
    <phoneticPr fontId="2"/>
  </si>
  <si>
    <t>木材・木製品製造業（家具を除く）</t>
  </si>
  <si>
    <t>水道業</t>
  </si>
  <si>
    <t>インターネット附随サービス業</t>
  </si>
  <si>
    <t>水運業</t>
  </si>
  <si>
    <t>建築材料，鉱物・金属材料等卸売業</t>
  </si>
  <si>
    <t>金融商品取引業，商品先物取引業</t>
  </si>
  <si>
    <t>技術サービス業（他に分類されないもの）</t>
  </si>
  <si>
    <t>職業紹介・労働者派遣業</t>
  </si>
  <si>
    <t>家電・PC・AV機器</t>
    <rPh sb="0" eb="2">
      <t>カデン</t>
    </rPh>
    <rPh sb="8" eb="10">
      <t>キキ</t>
    </rPh>
    <phoneticPr fontId="2"/>
  </si>
  <si>
    <t>家具・装備品製造業</t>
  </si>
  <si>
    <t>映像・音声・文字情報制作業</t>
  </si>
  <si>
    <t>航空運輸業</t>
  </si>
  <si>
    <t>機械器具卸売業</t>
  </si>
  <si>
    <t>補助的金融業等</t>
  </si>
  <si>
    <t>その他の事業サービス業</t>
  </si>
  <si>
    <t>家具・インテリア</t>
    <rPh sb="0" eb="2">
      <t>カグ</t>
    </rPh>
    <phoneticPr fontId="2"/>
  </si>
  <si>
    <t>パルプ・紙・紙加工品製造業</t>
  </si>
  <si>
    <t>倉庫業</t>
  </si>
  <si>
    <t>その他の卸売業</t>
  </si>
  <si>
    <t>保険業（保険媒介代理業，保険サービス業を含む）</t>
  </si>
  <si>
    <t>政治・経済・文化団体</t>
  </si>
  <si>
    <t>店舗用品・事務用品</t>
    <rPh sb="0" eb="4">
      <t>テンポヨウヒン</t>
    </rPh>
    <rPh sb="5" eb="9">
      <t>ジムヨウヒン</t>
    </rPh>
    <phoneticPr fontId="2"/>
  </si>
  <si>
    <t>印刷・同関連業</t>
  </si>
  <si>
    <t>運輸に附帯するサービス業</t>
  </si>
  <si>
    <t>各種商品小売業</t>
  </si>
  <si>
    <t>宗教</t>
  </si>
  <si>
    <t>食品・飲料</t>
    <rPh sb="0" eb="2">
      <t>ショクヒン</t>
    </rPh>
    <rPh sb="3" eb="5">
      <t>インリョウ</t>
    </rPh>
    <phoneticPr fontId="2"/>
  </si>
  <si>
    <t>化学工業</t>
  </si>
  <si>
    <t>郵便業（信書便事業を含む）</t>
  </si>
  <si>
    <t>織物・衣服・身の回り品小売業</t>
  </si>
  <si>
    <t>その他のサービス業</t>
  </si>
  <si>
    <t>石油製品・石炭製品製造業</t>
  </si>
  <si>
    <t>飲食料品小売業</t>
  </si>
  <si>
    <t>外国公務</t>
  </si>
  <si>
    <t>プラスチック製品製造業（別掲を除く）</t>
  </si>
  <si>
    <t>機械器具小売業</t>
  </si>
  <si>
    <t>ゴム製品製造業</t>
  </si>
  <si>
    <t>その他の小売業</t>
  </si>
  <si>
    <t>なめし革・同製品・毛皮製造業</t>
  </si>
  <si>
    <t>無店舗小売業</t>
  </si>
  <si>
    <t>窯業・土石製品製造業</t>
  </si>
  <si>
    <t>鉄鋼業</t>
  </si>
  <si>
    <t>非鉄金属製造業</t>
  </si>
  <si>
    <t>金属製品製造業</t>
  </si>
  <si>
    <t>はん用機械器具製造業</t>
  </si>
  <si>
    <t>生産用機械器具製造業</t>
  </si>
  <si>
    <t>業務用機械器具製造業</t>
  </si>
  <si>
    <t>電子部品・デバイス・電子回路製造業</t>
  </si>
  <si>
    <t>電気機械器具製造業</t>
  </si>
  <si>
    <t>情報通信機械器具製造業</t>
  </si>
  <si>
    <t>輸送用機械器具製造業</t>
  </si>
  <si>
    <t>その他の製造業</t>
  </si>
  <si>
    <t>農業，林業</t>
    <phoneticPr fontId="2"/>
  </si>
  <si>
    <t>鉱業，採石業，砂利採取業</t>
  </si>
  <si>
    <t>建設業</t>
  </si>
  <si>
    <t>電気・ガス・熱供給・水道業</t>
  </si>
  <si>
    <t>情報通信業</t>
  </si>
  <si>
    <t>運輸業，郵便業</t>
  </si>
  <si>
    <t>卸売業・小売業</t>
  </si>
  <si>
    <t>金融業・保険業</t>
  </si>
  <si>
    <t>不動産業，物品賃貸業</t>
  </si>
  <si>
    <t>学術研究，専門・技術サービス業</t>
  </si>
  <si>
    <t>宿泊業，飲食サービス業</t>
  </si>
  <si>
    <t>生活関連サービス業，娯楽業</t>
    <phoneticPr fontId="2"/>
  </si>
  <si>
    <t>教育，学習支援業</t>
  </si>
  <si>
    <t>医療，福祉</t>
  </si>
  <si>
    <t>複合サービス事業</t>
  </si>
  <si>
    <t>サービス業（他に分類されないもの）</t>
  </si>
  <si>
    <t>公務（他に分類されるものを除く）</t>
  </si>
  <si>
    <t>物品</t>
    <rPh sb="0" eb="2">
      <t>ブッピン</t>
    </rPh>
    <phoneticPr fontId="2"/>
  </si>
  <si>
    <t>体験</t>
    <rPh sb="0" eb="2">
      <t>タイケン</t>
    </rPh>
    <phoneticPr fontId="2"/>
  </si>
  <si>
    <t>確認しました</t>
    <rPh sb="0" eb="2">
      <t>カクニン</t>
    </rPh>
    <phoneticPr fontId="2"/>
  </si>
  <si>
    <t>あり</t>
    <phoneticPr fontId="2"/>
  </si>
  <si>
    <t>なし</t>
    <phoneticPr fontId="2"/>
  </si>
  <si>
    <t>製造業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numFmts count="4">
    <numFmt numFmtId="41" formatCode="_ * #,##0_ ;_ * \-#,##0_ ;_ * &quot;-&quot;_ ;_ @_ "/>
    <numFmt numFmtId="43" formatCode="_ * #,##0.00_ ;_ * \-#,##0.00_ ;_ * &quot;-&quot;??_ ;_ @_ "/>
    <numFmt numFmtId="176" formatCode="_(&quot;$&quot;* #,##0_);_(&quot;$&quot;* \(#,##0\);_(&quot;$&quot;* &quot;-&quot;_);_(@_)"/>
    <numFmt numFmtId="177" formatCode="_(&quot;$&quot;* #,##0.00_);_(&quot;$&quot;* \(#,##0.00\);_(&quot;$&quot;* &quot;-&quot;??_);_(@_)"/>
  </numFmts>
  <fonts count="28">
    <font>
      <sz val="11"/>
      <name val="ＭＳ Ｐゴシック"/>
      <family val="3"/>
      <charset val="128"/>
    </font>
    <font>
      <sz val="11"/>
      <color theme="1"/>
      <name val="Yu Gothic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BIZ UDPゴシック"/>
      <family val="3"/>
      <charset val="128"/>
    </font>
    <font>
      <sz val="10"/>
      <name val="BIZ UDPゴシック"/>
      <family val="3"/>
      <charset val="128"/>
    </font>
    <font>
      <b/>
      <sz val="11"/>
      <name val="BIZ UDPゴシック"/>
      <family val="3"/>
      <charset val="128"/>
    </font>
    <font>
      <sz val="9"/>
      <name val="BIZ UDPゴシック"/>
      <family val="3"/>
      <charset val="128"/>
    </font>
    <font>
      <b/>
      <sz val="12"/>
      <color theme="0"/>
      <name val="BIZ UDPゴシック"/>
      <family val="3"/>
      <charset val="128"/>
    </font>
    <font>
      <sz val="11"/>
      <name val="Meiryo UI"/>
      <family val="2"/>
    </font>
    <font>
      <sz val="11"/>
      <color theme="1"/>
      <name val="Meiryo UI"/>
      <family val="2"/>
    </font>
    <font>
      <sz val="11"/>
      <color theme="0"/>
      <name val="Meiryo UI"/>
      <family val="2"/>
    </font>
    <font>
      <sz val="11"/>
      <color rgb="FF9C0006"/>
      <name val="Meiryo UI"/>
      <family val="2"/>
    </font>
    <font>
      <b/>
      <sz val="11"/>
      <color rgb="FFFA7D00"/>
      <name val="Meiryo UI"/>
      <family val="2"/>
    </font>
    <font>
      <b/>
      <sz val="11"/>
      <color theme="0"/>
      <name val="Meiryo UI"/>
      <family val="2"/>
    </font>
    <font>
      <sz val="11"/>
      <color rgb="FF006100"/>
      <name val="Meiryo UI"/>
      <family val="2"/>
    </font>
    <font>
      <b/>
      <sz val="16"/>
      <name val="Meiryo UI"/>
      <family val="2"/>
    </font>
    <font>
      <b/>
      <sz val="12"/>
      <name val="Meiryo UI"/>
      <family val="2"/>
    </font>
    <font>
      <sz val="12"/>
      <name val="Meiryo UI"/>
      <family val="2"/>
    </font>
    <font>
      <sz val="11"/>
      <color rgb="FF3F3F76"/>
      <name val="Meiryo UI"/>
      <family val="2"/>
    </font>
    <font>
      <sz val="11"/>
      <color rgb="FFFA7D00"/>
      <name val="Meiryo UI"/>
      <family val="2"/>
    </font>
    <font>
      <sz val="11"/>
      <color rgb="FF9C5700"/>
      <name val="Meiryo UI"/>
      <family val="2"/>
    </font>
    <font>
      <b/>
      <sz val="11"/>
      <color rgb="FF3F3F3F"/>
      <name val="Meiryo UI"/>
      <family val="2"/>
    </font>
    <font>
      <b/>
      <sz val="11"/>
      <color theme="1"/>
      <name val="Meiryo UI"/>
      <family val="2"/>
    </font>
    <font>
      <sz val="11"/>
      <color rgb="FFFF0000"/>
      <name val="Meiryo UI"/>
      <family val="2"/>
    </font>
    <font>
      <u/>
      <sz val="11"/>
      <color theme="10"/>
      <name val="Meiryo UI"/>
      <family val="2"/>
    </font>
    <font>
      <b/>
      <sz val="17"/>
      <name val="BIZ UDPゴシック"/>
      <family val="3"/>
      <charset val="128"/>
    </font>
    <font>
      <sz val="8"/>
      <name val="BIZ UDPゴシック"/>
      <family val="3"/>
      <charset val="128"/>
    </font>
    <font>
      <sz val="17"/>
      <name val="BIZ UDPゴシック"/>
      <family val="3"/>
      <charset val="128"/>
    </font>
  </fonts>
  <fills count="37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E2F3FA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rgb="FF002060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52">
    <xf numFmtId="0" fontId="0" fillId="0" borderId="0"/>
    <xf numFmtId="0" fontId="8" fillId="0" borderId="0">
      <alignment vertical="top" wrapText="1"/>
    </xf>
    <xf numFmtId="0" fontId="15" fillId="0" borderId="0" applyNumberFormat="0" applyFill="0" applyBorder="0" applyAlignment="0" applyProtection="0"/>
    <xf numFmtId="0" fontId="15" fillId="0" borderId="0" applyNumberFormat="0" applyFill="0" applyProtection="0">
      <alignment vertical="center"/>
    </xf>
    <xf numFmtId="0" fontId="16" fillId="0" borderId="0" applyNumberFormat="0" applyFill="0" applyProtection="0">
      <alignment horizontal="left" vertical="center" wrapText="1"/>
    </xf>
    <xf numFmtId="0" fontId="16" fillId="0" borderId="0" applyNumberFormat="0" applyFill="0" applyProtection="0">
      <alignment horizontal="center" vertical="center" wrapText="1"/>
    </xf>
    <xf numFmtId="0" fontId="8" fillId="0" borderId="0" applyNumberFormat="0" applyFill="0" applyBorder="0" applyProtection="0">
      <alignment horizontal="left" vertical="center" wrapText="1"/>
    </xf>
    <xf numFmtId="14" fontId="17" fillId="0" borderId="0" applyFont="0" applyFill="0" applyBorder="0">
      <alignment horizontal="center" vertical="top" wrapText="1"/>
    </xf>
    <xf numFmtId="0" fontId="8" fillId="0" borderId="0" applyFont="0" applyFill="0" applyBorder="0">
      <alignment horizontal="center" vertical="top" wrapText="1"/>
    </xf>
    <xf numFmtId="0" fontId="17" fillId="0" borderId="0" applyNumberFormat="0" applyFill="0" applyBorder="0" applyProtection="0">
      <alignment horizontal="center" vertical="center"/>
    </xf>
    <xf numFmtId="43" fontId="8" fillId="0" borderId="0" applyFont="0" applyFill="0" applyBorder="0" applyAlignment="0" applyProtection="0"/>
    <xf numFmtId="41" fontId="8" fillId="0" borderId="0" applyFont="0" applyFill="0" applyBorder="0" applyAlignment="0" applyProtection="0"/>
    <xf numFmtId="177" fontId="8" fillId="0" borderId="0" applyFont="0" applyFill="0" applyBorder="0" applyAlignment="0" applyProtection="0"/>
    <xf numFmtId="176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0" fontId="14" fillId="4" borderId="0" applyNumberFormat="0" applyBorder="0" applyAlignment="0" applyProtection="0"/>
    <xf numFmtId="0" fontId="11" fillId="5" borderId="0" applyNumberFormat="0" applyBorder="0" applyAlignment="0" applyProtection="0"/>
    <xf numFmtId="0" fontId="20" fillId="6" borderId="0" applyNumberFormat="0" applyBorder="0" applyAlignment="0" applyProtection="0"/>
    <xf numFmtId="0" fontId="18" fillId="7" borderId="12" applyNumberFormat="0" applyAlignment="0" applyProtection="0"/>
    <xf numFmtId="0" fontId="21" fillId="8" borderId="13" applyNumberFormat="0" applyAlignment="0" applyProtection="0"/>
    <xf numFmtId="0" fontId="12" fillId="8" borderId="12" applyNumberFormat="0" applyAlignment="0" applyProtection="0"/>
    <xf numFmtId="0" fontId="19" fillId="0" borderId="14" applyNumberFormat="0" applyFill="0" applyAlignment="0" applyProtection="0"/>
    <xf numFmtId="0" fontId="13" fillId="9" borderId="15" applyNumberFormat="0" applyAlignment="0" applyProtection="0"/>
    <xf numFmtId="0" fontId="23" fillId="0" borderId="0" applyNumberFormat="0" applyFill="0" applyBorder="0" applyAlignment="0" applyProtection="0"/>
    <xf numFmtId="0" fontId="8" fillId="10" borderId="16" applyNumberFormat="0" applyFont="0" applyAlignment="0" applyProtection="0"/>
    <xf numFmtId="0" fontId="22" fillId="0" borderId="17" applyNumberFormat="0" applyFill="0" applyAlignment="0" applyProtection="0"/>
    <xf numFmtId="0" fontId="10" fillId="11" borderId="0" applyNumberFormat="0" applyBorder="0" applyAlignment="0" applyProtection="0"/>
    <xf numFmtId="0" fontId="9" fillId="12" borderId="0" applyNumberFormat="0" applyBorder="0" applyAlignment="0" applyProtection="0"/>
    <xf numFmtId="0" fontId="9" fillId="13" borderId="0" applyNumberFormat="0" applyBorder="0" applyAlignment="0" applyProtection="0"/>
    <xf numFmtId="0" fontId="9" fillId="14" borderId="0" applyNumberFormat="0" applyBorder="0" applyAlignment="0" applyProtection="0"/>
    <xf numFmtId="0" fontId="10" fillId="15" borderId="0" applyNumberFormat="0" applyBorder="0" applyAlignment="0" applyProtection="0"/>
    <xf numFmtId="0" fontId="9" fillId="16" borderId="0" applyNumberFormat="0" applyBorder="0" applyAlignment="0" applyProtection="0"/>
    <xf numFmtId="0" fontId="9" fillId="17" borderId="0" applyNumberFormat="0" applyBorder="0" applyAlignment="0" applyProtection="0"/>
    <xf numFmtId="0" fontId="9" fillId="18" borderId="0" applyNumberFormat="0" applyBorder="0" applyAlignment="0" applyProtection="0"/>
    <xf numFmtId="0" fontId="10" fillId="19" borderId="0" applyNumberFormat="0" applyBorder="0" applyAlignment="0" applyProtection="0"/>
    <xf numFmtId="0" fontId="9" fillId="20" borderId="0" applyNumberFormat="0" applyBorder="0" applyAlignment="0" applyProtection="0"/>
    <xf numFmtId="0" fontId="9" fillId="21" borderId="0" applyNumberFormat="0" applyBorder="0" applyAlignment="0" applyProtection="0"/>
    <xf numFmtId="0" fontId="9" fillId="22" borderId="0" applyNumberFormat="0" applyBorder="0" applyAlignment="0" applyProtection="0"/>
    <xf numFmtId="0" fontId="10" fillId="23" borderId="0" applyNumberFormat="0" applyBorder="0" applyAlignment="0" applyProtection="0"/>
    <xf numFmtId="0" fontId="9" fillId="24" borderId="0" applyNumberFormat="0" applyBorder="0" applyAlignment="0" applyProtection="0"/>
    <xf numFmtId="0" fontId="9" fillId="25" borderId="0" applyNumberFormat="0" applyBorder="0" applyAlignment="0" applyProtection="0"/>
    <xf numFmtId="0" fontId="9" fillId="26" borderId="0" applyNumberFormat="0" applyBorder="0" applyAlignment="0" applyProtection="0"/>
    <xf numFmtId="0" fontId="10" fillId="27" borderId="0" applyNumberFormat="0" applyBorder="0" applyAlignment="0" applyProtection="0"/>
    <xf numFmtId="0" fontId="9" fillId="28" borderId="0" applyNumberFormat="0" applyBorder="0" applyAlignment="0" applyProtection="0"/>
    <xf numFmtId="0" fontId="9" fillId="29" borderId="0" applyNumberFormat="0" applyBorder="0" applyAlignment="0" applyProtection="0"/>
    <xf numFmtId="0" fontId="9" fillId="30" borderId="0" applyNumberFormat="0" applyBorder="0" applyAlignment="0" applyProtection="0"/>
    <xf numFmtId="0" fontId="10" fillId="31" borderId="0" applyNumberFormat="0" applyBorder="0" applyAlignment="0" applyProtection="0"/>
    <xf numFmtId="0" fontId="9" fillId="32" borderId="0" applyNumberFormat="0" applyBorder="0" applyAlignment="0" applyProtection="0"/>
    <xf numFmtId="0" fontId="9" fillId="33" borderId="0" applyNumberFormat="0" applyBorder="0" applyAlignment="0" applyProtection="0"/>
    <xf numFmtId="0" fontId="9" fillId="34" borderId="0" applyNumberFormat="0" applyBorder="0" applyAlignment="0" applyProtection="0"/>
    <xf numFmtId="0" fontId="1" fillId="0" borderId="0">
      <alignment vertical="center"/>
    </xf>
    <xf numFmtId="0" fontId="24" fillId="0" borderId="0" applyNumberFormat="0" applyFill="0" applyBorder="0" applyAlignment="0" applyProtection="0">
      <alignment vertical="top" wrapText="1"/>
    </xf>
  </cellStyleXfs>
  <cellXfs count="63">
    <xf numFmtId="0" fontId="0" fillId="0" borderId="0" xfId="0"/>
    <xf numFmtId="0" fontId="3" fillId="0" borderId="0" xfId="0" applyFont="1" applyAlignment="1">
      <alignment vertical="center"/>
    </xf>
    <xf numFmtId="0" fontId="3" fillId="0" borderId="0" xfId="0" applyFont="1" applyAlignment="1">
      <alignment vertical="top"/>
    </xf>
    <xf numFmtId="0" fontId="25" fillId="0" borderId="0" xfId="0" applyFont="1" applyAlignment="1">
      <alignment horizontal="center" vertical="top"/>
    </xf>
    <xf numFmtId="0" fontId="3" fillId="0" borderId="0" xfId="0" applyFont="1" applyAlignment="1">
      <alignment horizontal="right" vertical="top"/>
    </xf>
    <xf numFmtId="0" fontId="3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top"/>
    </xf>
    <xf numFmtId="0" fontId="3" fillId="2" borderId="5" xfId="0" applyFont="1" applyFill="1" applyBorder="1" applyAlignment="1">
      <alignment vertical="center"/>
    </xf>
    <xf numFmtId="0" fontId="3" fillId="2" borderId="5" xfId="0" applyFont="1" applyFill="1" applyBorder="1" applyAlignment="1">
      <alignment vertical="top"/>
    </xf>
    <xf numFmtId="0" fontId="3" fillId="2" borderId="0" xfId="0" applyFont="1" applyFill="1" applyAlignment="1">
      <alignment vertical="top"/>
    </xf>
    <xf numFmtId="0" fontId="3" fillId="2" borderId="1" xfId="0" applyFont="1" applyFill="1" applyBorder="1" applyAlignment="1">
      <alignment horizontal="center" vertical="center"/>
    </xf>
    <xf numFmtId="0" fontId="4" fillId="2" borderId="19" xfId="0" applyFont="1" applyFill="1" applyBorder="1" applyAlignment="1">
      <alignment horizontal="left" vertical="center"/>
    </xf>
    <xf numFmtId="0" fontId="4" fillId="2" borderId="19" xfId="0" applyFont="1" applyFill="1" applyBorder="1" applyAlignment="1">
      <alignment horizontal="left" vertical="center" wrapText="1"/>
    </xf>
    <xf numFmtId="0" fontId="4" fillId="3" borderId="3" xfId="0" applyFont="1" applyFill="1" applyBorder="1" applyAlignment="1">
      <alignment horizontal="center" vertical="center"/>
    </xf>
    <xf numFmtId="0" fontId="3" fillId="3" borderId="3" xfId="0" applyFont="1" applyFill="1" applyBorder="1" applyAlignment="1">
      <alignment horizontal="center" vertical="center" wrapText="1"/>
    </xf>
    <xf numFmtId="0" fontId="3" fillId="3" borderId="8" xfId="0" applyFont="1" applyFill="1" applyBorder="1" applyAlignment="1">
      <alignment horizontal="center" vertical="center"/>
    </xf>
    <xf numFmtId="0" fontId="3" fillId="0" borderId="0" xfId="0" applyFont="1"/>
    <xf numFmtId="0" fontId="5" fillId="0" borderId="0" xfId="0" applyFont="1"/>
    <xf numFmtId="0" fontId="3" fillId="3" borderId="18" xfId="0" applyFont="1" applyFill="1" applyBorder="1" applyAlignment="1">
      <alignment horizontal="center" vertical="center"/>
    </xf>
    <xf numFmtId="0" fontId="27" fillId="0" borderId="0" xfId="0" applyFont="1" applyAlignment="1">
      <alignment horizontal="center" vertical="top"/>
    </xf>
    <xf numFmtId="0" fontId="4" fillId="35" borderId="3" xfId="0" applyFont="1" applyFill="1" applyBorder="1" applyAlignment="1">
      <alignment horizontal="center" vertical="center"/>
    </xf>
    <xf numFmtId="0" fontId="4" fillId="35" borderId="4" xfId="0" applyFont="1" applyFill="1" applyBorder="1" applyAlignment="1">
      <alignment horizontal="center" vertical="center"/>
    </xf>
    <xf numFmtId="0" fontId="4" fillId="35" borderId="7" xfId="0" applyFont="1" applyFill="1" applyBorder="1" applyAlignment="1">
      <alignment horizontal="center" vertical="center"/>
    </xf>
    <xf numFmtId="9" fontId="3" fillId="0" borderId="0" xfId="0" applyNumberFormat="1" applyFont="1" applyAlignment="1">
      <alignment horizontal="center" vertical="top"/>
    </xf>
    <xf numFmtId="0" fontId="3" fillId="0" borderId="0" xfId="0" applyFont="1" applyAlignment="1">
      <alignment horizontal="center" vertical="top"/>
    </xf>
    <xf numFmtId="0" fontId="3" fillId="3" borderId="8" xfId="0" applyFont="1" applyFill="1" applyBorder="1" applyAlignment="1">
      <alignment horizontal="center" vertical="center"/>
    </xf>
    <xf numFmtId="0" fontId="4" fillId="35" borderId="9" xfId="0" applyFont="1" applyFill="1" applyBorder="1" applyAlignment="1">
      <alignment horizontal="center" vertical="center"/>
    </xf>
    <xf numFmtId="0" fontId="4" fillId="35" borderId="1" xfId="0" applyFont="1" applyFill="1" applyBorder="1" applyAlignment="1">
      <alignment horizontal="center" vertical="center"/>
    </xf>
    <xf numFmtId="0" fontId="4" fillId="35" borderId="2" xfId="0" applyFont="1" applyFill="1" applyBorder="1" applyAlignment="1">
      <alignment horizontal="center" vertical="center"/>
    </xf>
    <xf numFmtId="0" fontId="3" fillId="2" borderId="9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3" xfId="0" applyFont="1" applyFill="1" applyBorder="1" applyAlignment="1">
      <alignment horizontal="left" vertical="center"/>
    </xf>
    <xf numFmtId="0" fontId="3" fillId="2" borderId="4" xfId="0" applyFont="1" applyFill="1" applyBorder="1" applyAlignment="1">
      <alignment horizontal="left" vertical="center"/>
    </xf>
    <xf numFmtId="0" fontId="3" fillId="2" borderId="7" xfId="0" applyFont="1" applyFill="1" applyBorder="1" applyAlignment="1">
      <alignment horizontal="left" vertical="center"/>
    </xf>
    <xf numFmtId="0" fontId="3" fillId="0" borderId="8" xfId="0" applyFont="1" applyBorder="1" applyAlignment="1">
      <alignment horizontal="center" vertical="center"/>
    </xf>
    <xf numFmtId="0" fontId="4" fillId="35" borderId="3" xfId="0" applyFont="1" applyFill="1" applyBorder="1" applyAlignment="1">
      <alignment horizontal="center" vertical="center" wrapText="1"/>
    </xf>
    <xf numFmtId="0" fontId="4" fillId="35" borderId="4" xfId="0" applyFont="1" applyFill="1" applyBorder="1" applyAlignment="1">
      <alignment horizontal="center" vertical="center" wrapText="1"/>
    </xf>
    <xf numFmtId="0" fontId="4" fillId="35" borderId="7" xfId="0" applyFont="1" applyFill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top"/>
    </xf>
    <xf numFmtId="0" fontId="4" fillId="0" borderId="8" xfId="0" applyFont="1" applyBorder="1" applyAlignment="1">
      <alignment horizontal="left" vertical="center"/>
    </xf>
    <xf numFmtId="0" fontId="3" fillId="35" borderId="8" xfId="0" applyFont="1" applyFill="1" applyBorder="1" applyAlignment="1">
      <alignment horizontal="center" vertical="center"/>
    </xf>
    <xf numFmtId="0" fontId="7" fillId="36" borderId="8" xfId="0" applyFont="1" applyFill="1" applyBorder="1" applyAlignment="1">
      <alignment horizontal="center" vertical="top"/>
    </xf>
    <xf numFmtId="0" fontId="3" fillId="0" borderId="3" xfId="0" applyFont="1" applyBorder="1" applyAlignment="1">
      <alignment horizontal="left" vertical="center"/>
    </xf>
    <xf numFmtId="0" fontId="3" fillId="0" borderId="4" xfId="0" applyFont="1" applyBorder="1" applyAlignment="1">
      <alignment horizontal="left" vertical="center"/>
    </xf>
    <xf numFmtId="0" fontId="3" fillId="0" borderId="7" xfId="0" applyFont="1" applyBorder="1" applyAlignment="1">
      <alignment horizontal="left" vertical="center"/>
    </xf>
    <xf numFmtId="0" fontId="3" fillId="0" borderId="11" xfId="0" applyFont="1" applyBorder="1" applyAlignment="1">
      <alignment horizontal="left" vertical="center"/>
    </xf>
    <xf numFmtId="0" fontId="3" fillId="0" borderId="5" xfId="0" applyFont="1" applyBorder="1" applyAlignment="1">
      <alignment horizontal="left" vertical="center"/>
    </xf>
    <xf numFmtId="0" fontId="3" fillId="0" borderId="10" xfId="0" applyFont="1" applyBorder="1" applyAlignment="1">
      <alignment horizontal="left" vertical="center"/>
    </xf>
    <xf numFmtId="0" fontId="6" fillId="35" borderId="8" xfId="0" applyFont="1" applyFill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top"/>
    </xf>
    <xf numFmtId="0" fontId="6" fillId="0" borderId="0" xfId="0" applyFont="1" applyAlignment="1">
      <alignment horizontal="center" vertical="top"/>
    </xf>
    <xf numFmtId="0" fontId="3" fillId="0" borderId="8" xfId="0" applyFont="1" applyBorder="1" applyAlignment="1">
      <alignment horizontal="left" vertical="top"/>
    </xf>
    <xf numFmtId="0" fontId="7" fillId="36" borderId="8" xfId="0" applyFont="1" applyFill="1" applyBorder="1" applyAlignment="1">
      <alignment horizontal="center" vertical="center"/>
    </xf>
    <xf numFmtId="0" fontId="7" fillId="36" borderId="9" xfId="0" applyFont="1" applyFill="1" applyBorder="1" applyAlignment="1">
      <alignment horizontal="center" vertical="top"/>
    </xf>
    <xf numFmtId="0" fontId="7" fillId="36" borderId="1" xfId="0" applyFont="1" applyFill="1" applyBorder="1" applyAlignment="1">
      <alignment horizontal="center" vertical="top"/>
    </xf>
    <xf numFmtId="0" fontId="7" fillId="36" borderId="3" xfId="0" applyFont="1" applyFill="1" applyBorder="1" applyAlignment="1">
      <alignment horizontal="center" vertical="center"/>
    </xf>
    <xf numFmtId="0" fontId="7" fillId="36" borderId="4" xfId="0" applyFont="1" applyFill="1" applyBorder="1" applyAlignment="1">
      <alignment horizontal="center" vertical="center"/>
    </xf>
    <xf numFmtId="0" fontId="7" fillId="36" borderId="7" xfId="0" applyFont="1" applyFill="1" applyBorder="1" applyAlignment="1">
      <alignment horizontal="center" vertical="center"/>
    </xf>
    <xf numFmtId="0" fontId="4" fillId="2" borderId="11" xfId="0" applyFont="1" applyFill="1" applyBorder="1" applyAlignment="1">
      <alignment horizontal="center" vertical="center"/>
    </xf>
    <xf numFmtId="0" fontId="4" fillId="2" borderId="5" xfId="0" applyFont="1" applyFill="1" applyBorder="1" applyAlignment="1">
      <alignment horizontal="center" vertical="center"/>
    </xf>
  </cellXfs>
  <cellStyles count="52">
    <cellStyle name="20% - アクセント 1 2" xfId="27" xr:uid="{FC5F2B20-A6CB-4AD5-BE47-6E09D6E77DA6}"/>
    <cellStyle name="20% - アクセント 2 2" xfId="31" xr:uid="{0A62BFAA-E80E-48F1-95F1-8ED33492377F}"/>
    <cellStyle name="20% - アクセント 3 2" xfId="35" xr:uid="{D8DCC1DB-90CB-49F4-AF7B-F50202820AA5}"/>
    <cellStyle name="20% - アクセント 4 2" xfId="39" xr:uid="{6321E936-5CCF-484D-AE88-938965CC3145}"/>
    <cellStyle name="20% - アクセント 5 2" xfId="43" xr:uid="{ECBB35F8-B329-49B6-8DEA-9070B4E2AD06}"/>
    <cellStyle name="20% - アクセント 6 2" xfId="47" xr:uid="{59CE5466-DA66-41CA-9723-9396A56435C5}"/>
    <cellStyle name="40% - アクセント 1 2" xfId="28" xr:uid="{3FD6E32E-385A-4B0B-AAEC-7D59152C1D85}"/>
    <cellStyle name="40% - アクセント 2 2" xfId="32" xr:uid="{5930DF49-A90F-45EF-9B0B-1AA2A11C63B8}"/>
    <cellStyle name="40% - アクセント 3 2" xfId="36" xr:uid="{FEEC0451-4315-4F36-B868-6FB8FE6106AB}"/>
    <cellStyle name="40% - アクセント 4 2" xfId="40" xr:uid="{FAF19B61-B273-4386-9D8F-C64A9EFA69E3}"/>
    <cellStyle name="40% - アクセント 5 2" xfId="44" xr:uid="{CDA4FA7B-7316-45C3-A4C1-17E41ED69F37}"/>
    <cellStyle name="40% - アクセント 6 2" xfId="48" xr:uid="{C370C3E2-D844-4EA6-8E21-599BF1ECB00F}"/>
    <cellStyle name="60% - アクセント 1 2" xfId="29" xr:uid="{8A0BE4A8-DAE9-48ED-AD24-FF1B76516D5B}"/>
    <cellStyle name="60% - アクセント 2 2" xfId="33" xr:uid="{3E4F9F3D-1749-4226-82F3-4EF646FAAD0A}"/>
    <cellStyle name="60% - アクセント 3 2" xfId="37" xr:uid="{88C7F475-AA0F-425F-8B95-E0AF05F14959}"/>
    <cellStyle name="60% - アクセント 4 2" xfId="41" xr:uid="{759A6D50-8E73-40B7-A657-8EB1341A58D9}"/>
    <cellStyle name="60% - アクセント 5 2" xfId="45" xr:uid="{516A66A0-E913-435A-A9A5-53773FA921FD}"/>
    <cellStyle name="60% - アクセント 6 2" xfId="49" xr:uid="{67420C0B-4221-4EC2-962A-975BD246E08F}"/>
    <cellStyle name="アクセント 1 2" xfId="26" xr:uid="{8DE48587-4D7F-42A6-8149-86A86E6E3BC8}"/>
    <cellStyle name="アクセント 2 2" xfId="30" xr:uid="{A17B905D-3756-43FF-A62D-75C31646FB62}"/>
    <cellStyle name="アクセント 3 2" xfId="34" xr:uid="{5B27947D-167C-401C-94E2-24A96EFAEE5B}"/>
    <cellStyle name="アクセント 4 2" xfId="38" xr:uid="{51D9852D-66EB-4FED-86FC-95741CE4587A}"/>
    <cellStyle name="アクセント 5 2" xfId="42" xr:uid="{25FF6182-927F-46B6-9E59-8E03A2EBEF48}"/>
    <cellStyle name="アクセント 6 2" xfId="46" xr:uid="{4E231E75-5870-4516-A0FB-7C9AF9180C72}"/>
    <cellStyle name="タイトル 2" xfId="2" xr:uid="{474BA1C2-B50E-4497-829D-42610F71E2E9}"/>
    <cellStyle name="チェック セル 2" xfId="22" xr:uid="{6AFF230F-F7AF-4093-90E1-3EB946B56A8F}"/>
    <cellStyle name="どちらでもない 2" xfId="17" xr:uid="{616DCF88-DD08-4721-A6E9-E160B0F5DBF3}"/>
    <cellStyle name="パーセント 2" xfId="14" xr:uid="{0C27CBED-2D69-4AE8-8753-F2E609BD649E}"/>
    <cellStyle name="ハイパーリンク 2" xfId="51" xr:uid="{61D5B070-E3D2-490B-AAD8-92306D834B3C}"/>
    <cellStyle name="メモ 2" xfId="24" xr:uid="{8BB88B1F-7231-455F-B32E-061006667FE6}"/>
    <cellStyle name="リンク セル 2" xfId="21" xr:uid="{B568EA77-9DCD-4605-9555-5EC6B2BB1BA1}"/>
    <cellStyle name="悪い 2" xfId="16" xr:uid="{EE159983-7CA0-4D7C-A62B-402B211BB5BE}"/>
    <cellStyle name="計算 2" xfId="20" xr:uid="{6FD3FEFB-51B7-4DC6-88DD-2360590E511B}"/>
    <cellStyle name="警告文 2" xfId="23" xr:uid="{DCE7DA31-CA17-49CA-ADBD-EE478F91A8E4}"/>
    <cellStyle name="桁区切り [0.00] 2" xfId="10" xr:uid="{402DF66B-F0EC-4035-9C6B-E579107F78E9}"/>
    <cellStyle name="桁区切り 2" xfId="11" xr:uid="{BFCC6638-2774-48A1-AB2B-A3669D2826DE}"/>
    <cellStyle name="見出し 1 2" xfId="3" xr:uid="{3C76E9C3-2447-49E5-A16B-5C0111284593}"/>
    <cellStyle name="見出し 2 2" xfId="4" xr:uid="{99EB9E6B-62B3-48E9-BF68-8BBEFB16D440}"/>
    <cellStyle name="見出し 3 2" xfId="5" xr:uid="{E61231D1-33C1-4EC4-90F5-C455F0E5F41E}"/>
    <cellStyle name="見出し 4 2" xfId="9" xr:uid="{1953D2E6-DBA3-4038-813B-896D7E9438C4}"/>
    <cellStyle name="集計 2" xfId="25" xr:uid="{E409395C-4843-4D5B-B16C-21040CD0000E}"/>
    <cellStyle name="出力 2" xfId="19" xr:uid="{1A74F2B0-4A08-466D-B085-3FE5E99E1685}"/>
    <cellStyle name="所有者" xfId="8" xr:uid="{F4EA7C06-BBC7-492E-9C34-7A91308B5835}"/>
    <cellStyle name="説明文 2" xfId="6" xr:uid="{027990ED-3A71-461D-A497-3D0E10A05EA5}"/>
    <cellStyle name="通貨 [0.00] 2" xfId="12" xr:uid="{8D45D50A-BA52-45FF-8677-BFDB9A38AEB5}"/>
    <cellStyle name="通貨 2" xfId="13" xr:uid="{85405F42-962A-4BE0-9EFF-03B2DBC401EC}"/>
    <cellStyle name="日付" xfId="7" xr:uid="{A9579232-D104-4EEA-B66A-3156066463D8}"/>
    <cellStyle name="入力 2" xfId="18" xr:uid="{DE7690B0-E146-4BA0-9FD0-EC69598D70B8}"/>
    <cellStyle name="標準" xfId="0" builtinId="0"/>
    <cellStyle name="標準 2" xfId="1" xr:uid="{F712887D-4E3E-42D9-948F-E72764F63068}"/>
    <cellStyle name="標準 7" xfId="50" xr:uid="{C35A8AAD-22EC-471B-AC08-E914F56DD1F6}"/>
    <cellStyle name="良い 2" xfId="15" xr:uid="{84EAA2E2-E6DF-4C6B-9910-5A0BDC494C48}"/>
  </cellStyles>
  <dxfs count="4">
    <dxf>
      <font>
        <b/>
        <i val="0"/>
      </font>
    </dxf>
    <dxf>
      <font>
        <b/>
        <i val="0"/>
      </font>
    </dxf>
    <dxf>
      <font>
        <b/>
        <i val="0"/>
      </font>
      <fill>
        <patternFill>
          <bgColor theme="4" tint="0.79998168889431442"/>
        </patternFill>
      </fill>
      <border>
        <left/>
        <right style="thin">
          <color theme="4" tint="0.79995117038483843"/>
        </right>
        <top/>
        <bottom/>
        <vertical/>
      </border>
    </dxf>
    <dxf>
      <font>
        <b val="0"/>
        <i val="0"/>
      </font>
      <border>
        <left/>
        <right/>
        <top/>
        <bottom/>
        <vertical style="thin">
          <color auto="1"/>
        </vertical>
        <horizontal style="thin">
          <color auto="1"/>
        </horizontal>
      </border>
    </dxf>
  </dxfs>
  <tableStyles count="1" defaultTableStyle="TableStyleMedium2" defaultPivotStyle="PivotStyleLight16">
    <tableStyle name="ビジネス計画のチェックリスト" pivot="0" count="4" xr9:uid="{A5E378DE-35A8-44DD-B5C7-25BF9838BBA2}">
      <tableStyleElement type="wholeTable" dxfId="3"/>
      <tableStyleElement type="headerRow" dxfId="2"/>
      <tableStyleElement type="lastColumn" dxfId="1"/>
      <tableStyleElement type="secondColumnStripe" dxfId="0"/>
    </tableStyle>
  </tableStyles>
  <colors>
    <indexedColors>
      <rgbColor rgb="00000000"/>
      <rgbColor rgb="00FFFFFF"/>
      <rgbColor rgb="00FF0000"/>
      <rgbColor rgb="0000FF00"/>
      <rgbColor rgb="000000FF"/>
      <rgbColor rgb="00FFFF00"/>
      <rgbColor rgb="00FF00FF"/>
      <rgbColor rgb="0000FFFF"/>
      <rgbColor rgb="00000000"/>
      <rgbColor rgb="00FFFFFF"/>
      <rgbColor rgb="00DD0806"/>
      <rgbColor rgb="001FB714"/>
      <rgbColor rgb="000000D4"/>
      <rgbColor rgb="00FCF305"/>
      <rgbColor rgb="00F20884"/>
      <rgbColor rgb="0000ABEA"/>
      <rgbColor rgb="00900000"/>
      <rgbColor rgb="00006411"/>
      <rgbColor rgb="00000090"/>
      <rgbColor rgb="0090713A"/>
      <rgbColor rgb="004600A5"/>
      <rgbColor rgb="00008080"/>
      <rgbColor rgb="00C0C0C0"/>
      <rgbColor rgb="0080808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63AAFE"/>
      <rgbColor rgb="00DD2D32"/>
      <rgbColor rgb="00FFF58C"/>
      <rgbColor rgb="004EE257"/>
      <rgbColor rgb="006711FF"/>
      <rgbColor rgb="00FEA746"/>
      <rgbColor rgb="00865357"/>
      <rgbColor rgb="00A2BD90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E2F3FA"/>
      <color rgb="FFCCECFF"/>
      <color rgb="FFDEEDEA"/>
      <color rgb="FF36A8DD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966526-1B78-4307-AF2C-A77A465AF207}">
  <dimension ref="B1:M38"/>
  <sheetViews>
    <sheetView tabSelected="1" view="pageBreakPreview" zoomScaleNormal="100" zoomScaleSheetLayoutView="100" workbookViewId="0">
      <selection activeCell="B7" sqref="B7:M7"/>
    </sheetView>
  </sheetViews>
  <sheetFormatPr defaultColWidth="9.7265625" defaultRowHeight="13"/>
  <cols>
    <col min="1" max="1" width="1.7265625" style="2" customWidth="1"/>
    <col min="2" max="2" width="4.08984375" style="2" customWidth="1"/>
    <col min="3" max="3" width="10.6328125" style="2" customWidth="1"/>
    <col min="4" max="4" width="4.08984375" style="2" customWidth="1"/>
    <col min="5" max="5" width="10.6328125" style="2" customWidth="1"/>
    <col min="6" max="6" width="4.08984375" style="2" customWidth="1"/>
    <col min="7" max="7" width="10.6328125" style="2" customWidth="1"/>
    <col min="8" max="8" width="4.08984375" style="2" customWidth="1"/>
    <col min="9" max="9" width="10.6328125" style="2" customWidth="1"/>
    <col min="10" max="10" width="4.08984375" style="2" customWidth="1"/>
    <col min="11" max="11" width="10.6328125" style="2" customWidth="1"/>
    <col min="12" max="12" width="4.08984375" style="2" customWidth="1"/>
    <col min="13" max="13" width="10.6328125" style="2" customWidth="1"/>
    <col min="14" max="16384" width="9.7265625" style="2"/>
  </cols>
  <sheetData>
    <row r="1" spans="2:13" ht="19.5">
      <c r="B1" s="19" t="s">
        <v>2</v>
      </c>
      <c r="C1" s="19"/>
      <c r="D1" s="19"/>
      <c r="E1" s="19"/>
      <c r="F1" s="19"/>
      <c r="G1" s="19"/>
      <c r="H1" s="19"/>
      <c r="I1" s="19"/>
      <c r="J1" s="19"/>
      <c r="K1" s="19"/>
      <c r="L1" s="19"/>
    </row>
    <row r="2" spans="2:13" ht="12.75" customHeight="1">
      <c r="B2" s="3"/>
      <c r="C2" s="3"/>
      <c r="D2" s="3"/>
      <c r="E2" s="3"/>
      <c r="F2" s="3"/>
      <c r="G2" s="3"/>
      <c r="H2" s="3"/>
      <c r="I2" s="3"/>
      <c r="J2" s="3"/>
      <c r="K2" s="3"/>
      <c r="L2" s="3"/>
    </row>
    <row r="3" spans="2:13" ht="18.75" customHeight="1">
      <c r="B3" s="40" t="s">
        <v>3</v>
      </c>
      <c r="C3" s="40"/>
      <c r="D3" s="40" t="s">
        <v>4</v>
      </c>
      <c r="E3" s="40"/>
      <c r="F3" s="40"/>
      <c r="G3" s="38" t="s">
        <v>54</v>
      </c>
      <c r="H3" s="38"/>
      <c r="I3" s="38"/>
    </row>
    <row r="4" spans="2:13" ht="18.75" customHeight="1">
      <c r="B4" s="25"/>
      <c r="C4" s="25"/>
      <c r="D4" s="40" t="s">
        <v>5</v>
      </c>
      <c r="E4" s="40"/>
      <c r="F4" s="40"/>
      <c r="G4" s="38" t="s">
        <v>54</v>
      </c>
      <c r="H4" s="38"/>
      <c r="I4" s="38"/>
    </row>
    <row r="5" spans="2:13" ht="18.75" customHeight="1">
      <c r="B5" s="25"/>
      <c r="C5" s="25"/>
      <c r="D5" s="40" t="s">
        <v>6</v>
      </c>
      <c r="E5" s="40"/>
      <c r="F5" s="40"/>
      <c r="G5" s="38" t="s">
        <v>22</v>
      </c>
      <c r="H5" s="38"/>
      <c r="I5" s="38"/>
      <c r="L5" s="4"/>
      <c r="M5" s="4" t="s">
        <v>7</v>
      </c>
    </row>
    <row r="6" spans="2:13" ht="16.5" customHeight="1">
      <c r="B6" s="5"/>
      <c r="E6" s="6"/>
      <c r="F6" s="6"/>
      <c r="G6" s="6"/>
      <c r="H6" s="6"/>
    </row>
    <row r="7" spans="2:13" ht="14">
      <c r="B7" s="41" t="s">
        <v>31</v>
      </c>
      <c r="C7" s="41"/>
      <c r="D7" s="41"/>
      <c r="E7" s="41"/>
      <c r="F7" s="41"/>
      <c r="G7" s="41"/>
      <c r="H7" s="41"/>
      <c r="I7" s="41"/>
      <c r="J7" s="41"/>
      <c r="K7" s="41"/>
      <c r="L7" s="41"/>
      <c r="M7" s="41"/>
    </row>
    <row r="8" spans="2:13" ht="21" customHeight="1">
      <c r="B8" s="20" t="s">
        <v>1</v>
      </c>
      <c r="C8" s="22"/>
      <c r="D8" s="34"/>
      <c r="E8" s="34"/>
      <c r="F8" s="34"/>
      <c r="G8" s="34"/>
      <c r="H8" s="20" t="s">
        <v>8</v>
      </c>
      <c r="I8" s="21"/>
      <c r="J8" s="22"/>
      <c r="K8" s="31"/>
      <c r="L8" s="32"/>
      <c r="M8" s="33"/>
    </row>
    <row r="9" spans="2:13" ht="21" customHeight="1">
      <c r="B9" s="20" t="s">
        <v>9</v>
      </c>
      <c r="C9" s="22"/>
      <c r="D9" s="34"/>
      <c r="E9" s="34"/>
      <c r="F9" s="34"/>
      <c r="G9" s="34"/>
      <c r="H9" s="35" t="s">
        <v>56</v>
      </c>
      <c r="I9" s="36"/>
      <c r="J9" s="37"/>
      <c r="K9" s="31"/>
      <c r="L9" s="32"/>
      <c r="M9" s="33"/>
    </row>
    <row r="10" spans="2:13" ht="21" customHeight="1">
      <c r="B10" s="20" t="s">
        <v>10</v>
      </c>
      <c r="C10" s="22"/>
      <c r="D10" s="34"/>
      <c r="E10" s="34"/>
      <c r="F10" s="34"/>
      <c r="G10" s="34"/>
      <c r="H10" s="20" t="s">
        <v>11</v>
      </c>
      <c r="I10" s="21"/>
      <c r="J10" s="22"/>
      <c r="K10" s="31"/>
      <c r="L10" s="32"/>
      <c r="M10" s="33"/>
    </row>
    <row r="11" spans="2:13" ht="21" customHeight="1">
      <c r="B11" s="20" t="s">
        <v>23</v>
      </c>
      <c r="C11" s="22"/>
      <c r="D11" s="34"/>
      <c r="E11" s="34"/>
      <c r="F11" s="34"/>
      <c r="G11" s="34"/>
      <c r="H11" s="7"/>
      <c r="I11" s="8"/>
      <c r="J11" s="9"/>
      <c r="K11" s="9"/>
      <c r="L11" s="9"/>
      <c r="M11" s="9"/>
    </row>
    <row r="12" spans="2:13" ht="11.25" customHeight="1"/>
    <row r="13" spans="2:13" ht="14">
      <c r="B13" s="56" t="s">
        <v>32</v>
      </c>
      <c r="C13" s="57"/>
      <c r="D13" s="57"/>
      <c r="E13" s="57"/>
      <c r="F13" s="57"/>
      <c r="G13" s="57"/>
      <c r="H13" s="57"/>
      <c r="I13" s="57"/>
      <c r="J13" s="57"/>
      <c r="K13" s="57"/>
      <c r="L13" s="57"/>
      <c r="M13" s="57"/>
    </row>
    <row r="14" spans="2:13" s="1" customFormat="1" ht="18" customHeight="1">
      <c r="B14" s="20" t="s">
        <v>12</v>
      </c>
      <c r="C14" s="21"/>
      <c r="D14" s="22"/>
      <c r="E14" s="49" t="s">
        <v>55</v>
      </c>
      <c r="F14" s="50"/>
      <c r="G14" s="50"/>
      <c r="H14" s="50"/>
      <c r="I14" s="48" t="s">
        <v>13</v>
      </c>
      <c r="J14" s="48"/>
      <c r="K14" s="48"/>
      <c r="L14" s="48"/>
      <c r="M14" s="48"/>
    </row>
    <row r="15" spans="2:13" s="1" customFormat="1" ht="18" customHeight="1">
      <c r="B15" s="20" t="s">
        <v>14</v>
      </c>
      <c r="C15" s="21"/>
      <c r="D15" s="22"/>
      <c r="E15" s="49" t="s">
        <v>24</v>
      </c>
      <c r="F15" s="50"/>
      <c r="G15" s="50"/>
      <c r="H15" s="51"/>
      <c r="I15" s="52"/>
      <c r="J15" s="53"/>
      <c r="K15" s="53"/>
      <c r="L15" s="53"/>
      <c r="M15" s="53"/>
    </row>
    <row r="16" spans="2:13" s="1" customFormat="1" ht="18" customHeight="1">
      <c r="B16" s="20" t="s">
        <v>25</v>
      </c>
      <c r="C16" s="21"/>
      <c r="D16" s="22"/>
      <c r="E16" s="42"/>
      <c r="F16" s="43"/>
      <c r="G16" s="43"/>
      <c r="H16" s="44"/>
      <c r="I16" s="52"/>
      <c r="J16" s="53"/>
      <c r="K16" s="53"/>
      <c r="L16" s="53"/>
      <c r="M16" s="53"/>
    </row>
    <row r="17" spans="2:13" ht="44.25" customHeight="1">
      <c r="B17" s="20" t="s">
        <v>15</v>
      </c>
      <c r="C17" s="21"/>
      <c r="D17" s="22"/>
      <c r="E17" s="42"/>
      <c r="F17" s="43"/>
      <c r="G17" s="43"/>
      <c r="H17" s="44"/>
      <c r="I17" s="52"/>
      <c r="J17" s="53"/>
      <c r="K17" s="53"/>
      <c r="L17" s="53"/>
      <c r="M17" s="53"/>
    </row>
    <row r="18" spans="2:13" ht="18" customHeight="1">
      <c r="B18" s="20" t="s">
        <v>26</v>
      </c>
      <c r="C18" s="21"/>
      <c r="D18" s="22"/>
      <c r="E18" s="42"/>
      <c r="F18" s="43"/>
      <c r="G18" s="43"/>
      <c r="H18" s="44"/>
      <c r="I18" s="52"/>
      <c r="J18" s="53"/>
      <c r="K18" s="53"/>
      <c r="L18" s="53"/>
      <c r="M18" s="53"/>
    </row>
    <row r="19" spans="2:13" ht="18" customHeight="1">
      <c r="B19" s="20" t="s">
        <v>16</v>
      </c>
      <c r="C19" s="21"/>
      <c r="D19" s="22"/>
      <c r="E19" s="42"/>
      <c r="F19" s="43"/>
      <c r="G19" s="43"/>
      <c r="H19" s="44"/>
      <c r="I19" s="52"/>
      <c r="J19" s="53"/>
      <c r="K19" s="53"/>
      <c r="L19" s="53"/>
      <c r="M19" s="53"/>
    </row>
    <row r="20" spans="2:13" ht="43.5" customHeight="1">
      <c r="B20" s="35" t="s">
        <v>51</v>
      </c>
      <c r="C20" s="36"/>
      <c r="D20" s="37"/>
      <c r="E20" s="42"/>
      <c r="F20" s="43"/>
      <c r="G20" s="43"/>
      <c r="H20" s="44"/>
      <c r="I20" s="52"/>
      <c r="J20" s="53"/>
      <c r="K20" s="53"/>
      <c r="L20" s="53"/>
      <c r="M20" s="53"/>
    </row>
    <row r="21" spans="2:13" ht="42.75" customHeight="1">
      <c r="B21" s="35" t="s">
        <v>50</v>
      </c>
      <c r="C21" s="36"/>
      <c r="D21" s="37"/>
      <c r="E21" s="45"/>
      <c r="F21" s="46"/>
      <c r="G21" s="46"/>
      <c r="H21" s="47"/>
      <c r="I21" s="52"/>
      <c r="J21" s="53"/>
      <c r="K21" s="53"/>
      <c r="L21" s="53"/>
      <c r="M21" s="53"/>
    </row>
    <row r="22" spans="2:13" ht="45" customHeight="1">
      <c r="B22" s="35" t="s">
        <v>27</v>
      </c>
      <c r="C22" s="36"/>
      <c r="D22" s="37"/>
      <c r="E22" s="54"/>
      <c r="F22" s="54"/>
      <c r="G22" s="54"/>
      <c r="H22" s="54"/>
      <c r="I22" s="54"/>
      <c r="J22" s="54"/>
      <c r="K22" s="54"/>
      <c r="L22" s="54"/>
      <c r="M22" s="54"/>
    </row>
    <row r="23" spans="2:13" ht="45" customHeight="1">
      <c r="B23" s="20" t="s">
        <v>17</v>
      </c>
      <c r="C23" s="21"/>
      <c r="D23" s="22"/>
      <c r="E23" s="54"/>
      <c r="F23" s="54"/>
      <c r="G23" s="54"/>
      <c r="H23" s="54"/>
      <c r="I23" s="54"/>
      <c r="J23" s="54"/>
      <c r="K23" s="54"/>
      <c r="L23" s="54"/>
      <c r="M23" s="54"/>
    </row>
    <row r="24" spans="2:13" ht="45" customHeight="1">
      <c r="B24" s="20" t="s">
        <v>18</v>
      </c>
      <c r="C24" s="21"/>
      <c r="D24" s="22"/>
      <c r="E24" s="54"/>
      <c r="F24" s="54"/>
      <c r="G24" s="54"/>
      <c r="H24" s="54"/>
      <c r="I24" s="54"/>
      <c r="J24" s="54"/>
      <c r="K24" s="54"/>
      <c r="L24" s="54"/>
      <c r="M24" s="54"/>
    </row>
    <row r="25" spans="2:13" ht="13.4" customHeight="1">
      <c r="C25" s="6"/>
      <c r="D25" s="6"/>
      <c r="E25" s="6"/>
      <c r="F25" s="6"/>
      <c r="G25" s="6"/>
      <c r="H25" s="6"/>
      <c r="I25" s="6"/>
      <c r="J25" s="6"/>
      <c r="K25" s="6"/>
      <c r="L25" s="6"/>
    </row>
    <row r="26" spans="2:13" ht="13.9" customHeight="1">
      <c r="B26" s="58" t="s">
        <v>34</v>
      </c>
      <c r="C26" s="59"/>
      <c r="D26" s="59"/>
      <c r="E26" s="59"/>
      <c r="F26" s="59"/>
      <c r="G26" s="59"/>
      <c r="H26" s="59"/>
      <c r="I26" s="59"/>
      <c r="J26" s="59"/>
      <c r="K26" s="59"/>
      <c r="L26" s="59"/>
      <c r="M26" s="60"/>
    </row>
    <row r="27" spans="2:13" ht="21.65" customHeight="1">
      <c r="B27" s="26" t="s">
        <v>19</v>
      </c>
      <c r="C27" s="27"/>
      <c r="D27" s="28"/>
      <c r="E27" s="18"/>
      <c r="F27" s="26" t="s">
        <v>52</v>
      </c>
      <c r="G27" s="27"/>
      <c r="H27" s="27"/>
      <c r="I27" s="27"/>
      <c r="J27" s="28"/>
      <c r="K27" s="29"/>
      <c r="L27" s="30"/>
      <c r="M27" s="10" t="s">
        <v>0</v>
      </c>
    </row>
    <row r="28" spans="2:13" ht="21" customHeight="1">
      <c r="B28" s="20" t="s">
        <v>20</v>
      </c>
      <c r="C28" s="21"/>
      <c r="D28" s="22"/>
      <c r="E28" s="15"/>
      <c r="F28" s="35" t="s">
        <v>53</v>
      </c>
      <c r="G28" s="36"/>
      <c r="H28" s="36"/>
      <c r="I28" s="36"/>
      <c r="J28" s="36"/>
      <c r="K28" s="36"/>
      <c r="L28" s="36"/>
      <c r="M28" s="37"/>
    </row>
    <row r="29" spans="2:13" ht="21" customHeight="1">
      <c r="B29" s="14"/>
      <c r="C29" s="11" t="s">
        <v>57</v>
      </c>
      <c r="D29" s="13"/>
      <c r="E29" s="11" t="s">
        <v>35</v>
      </c>
      <c r="F29" s="13"/>
      <c r="G29" s="11" t="s">
        <v>36</v>
      </c>
      <c r="H29" s="13"/>
      <c r="I29" s="12" t="s">
        <v>37</v>
      </c>
      <c r="J29" s="13"/>
      <c r="K29" s="12" t="s">
        <v>38</v>
      </c>
      <c r="L29" s="13"/>
      <c r="M29" s="11" t="s">
        <v>39</v>
      </c>
    </row>
    <row r="30" spans="2:13" ht="21" customHeight="1">
      <c r="B30" s="14"/>
      <c r="C30" s="11" t="s">
        <v>40</v>
      </c>
      <c r="D30" s="13"/>
      <c r="E30" s="11" t="s">
        <v>41</v>
      </c>
      <c r="F30" s="13"/>
      <c r="G30" s="11" t="s">
        <v>42</v>
      </c>
      <c r="H30" s="13"/>
      <c r="I30" s="11" t="s">
        <v>43</v>
      </c>
      <c r="J30" s="13"/>
      <c r="K30" s="11" t="s">
        <v>44</v>
      </c>
      <c r="L30" s="13"/>
      <c r="M30" s="11" t="s">
        <v>45</v>
      </c>
    </row>
    <row r="31" spans="2:13" ht="22.4" customHeight="1">
      <c r="B31" s="14"/>
      <c r="C31" s="11" t="s">
        <v>46</v>
      </c>
      <c r="D31" s="13"/>
      <c r="E31" s="11" t="s">
        <v>49</v>
      </c>
      <c r="F31" s="13"/>
      <c r="G31" s="11" t="s">
        <v>47</v>
      </c>
      <c r="H31" s="13"/>
      <c r="I31" s="11" t="s">
        <v>48</v>
      </c>
      <c r="J31" s="61"/>
      <c r="K31" s="62"/>
      <c r="L31" s="62"/>
      <c r="M31" s="62"/>
    </row>
    <row r="32" spans="2:13" ht="14.5" customHeight="1">
      <c r="C32" s="23"/>
      <c r="D32" s="24"/>
      <c r="E32" s="24"/>
      <c r="F32" s="24"/>
      <c r="G32" s="6"/>
      <c r="H32" s="6"/>
      <c r="I32" s="6"/>
      <c r="J32" s="6"/>
      <c r="K32" s="6"/>
      <c r="L32" s="6"/>
    </row>
    <row r="33" spans="2:13" ht="14.5" customHeight="1">
      <c r="B33" s="55" t="s">
        <v>34</v>
      </c>
      <c r="C33" s="55"/>
      <c r="D33" s="55"/>
      <c r="E33" s="55"/>
      <c r="F33" s="55"/>
      <c r="G33" s="55"/>
      <c r="H33" s="55"/>
      <c r="I33" s="55"/>
      <c r="J33" s="55"/>
      <c r="K33" s="55"/>
      <c r="L33" s="55"/>
      <c r="M33" s="55"/>
    </row>
    <row r="34" spans="2:13" ht="20.5" customHeight="1">
      <c r="B34" s="39" t="s">
        <v>21</v>
      </c>
      <c r="C34" s="39"/>
      <c r="D34" s="39"/>
      <c r="E34" s="39"/>
      <c r="F34" s="39"/>
      <c r="G34" s="39"/>
      <c r="H34" s="39"/>
      <c r="I34" s="39"/>
      <c r="J34" s="39"/>
      <c r="K34" s="25"/>
      <c r="L34" s="25"/>
      <c r="M34" s="25"/>
    </row>
    <row r="35" spans="2:13" ht="20.5" customHeight="1">
      <c r="B35" s="39" t="s">
        <v>28</v>
      </c>
      <c r="C35" s="39"/>
      <c r="D35" s="39"/>
      <c r="E35" s="39"/>
      <c r="F35" s="39"/>
      <c r="G35" s="39"/>
      <c r="H35" s="39"/>
      <c r="I35" s="39"/>
      <c r="J35" s="39"/>
      <c r="K35" s="25"/>
      <c r="L35" s="25"/>
      <c r="M35" s="25"/>
    </row>
    <row r="36" spans="2:13" ht="20.5" customHeight="1">
      <c r="B36" s="39" t="s">
        <v>29</v>
      </c>
      <c r="C36" s="39"/>
      <c r="D36" s="39"/>
      <c r="E36" s="39"/>
      <c r="F36" s="39"/>
      <c r="G36" s="39"/>
      <c r="H36" s="39"/>
      <c r="I36" s="39"/>
      <c r="J36" s="39"/>
      <c r="K36" s="25"/>
      <c r="L36" s="25"/>
      <c r="M36" s="25"/>
    </row>
    <row r="37" spans="2:13" ht="20.5" customHeight="1">
      <c r="B37" s="39" t="s">
        <v>30</v>
      </c>
      <c r="C37" s="39"/>
      <c r="D37" s="39"/>
      <c r="E37" s="39"/>
      <c r="F37" s="39"/>
      <c r="G37" s="39"/>
      <c r="H37" s="39"/>
      <c r="I37" s="39"/>
      <c r="J37" s="39"/>
      <c r="K37" s="25"/>
      <c r="L37" s="25"/>
      <c r="M37" s="25"/>
    </row>
    <row r="38" spans="2:13" ht="35.25" customHeight="1">
      <c r="B38" s="39" t="s">
        <v>33</v>
      </c>
      <c r="C38" s="39"/>
      <c r="D38" s="39"/>
      <c r="E38" s="39"/>
      <c r="F38" s="39"/>
      <c r="G38" s="39"/>
      <c r="H38" s="39"/>
      <c r="I38" s="39"/>
      <c r="J38" s="39"/>
      <c r="K38" s="25"/>
      <c r="L38" s="25"/>
      <c r="M38" s="25"/>
    </row>
  </sheetData>
  <mergeCells count="68">
    <mergeCell ref="B33:M33"/>
    <mergeCell ref="B13:M13"/>
    <mergeCell ref="H8:J8"/>
    <mergeCell ref="H9:J9"/>
    <mergeCell ref="H10:J10"/>
    <mergeCell ref="K8:M8"/>
    <mergeCell ref="F28:M28"/>
    <mergeCell ref="B26:M26"/>
    <mergeCell ref="J31:M31"/>
    <mergeCell ref="B23:D23"/>
    <mergeCell ref="B24:D24"/>
    <mergeCell ref="E23:M23"/>
    <mergeCell ref="E24:M24"/>
    <mergeCell ref="E16:H16"/>
    <mergeCell ref="E17:H17"/>
    <mergeCell ref="E18:H18"/>
    <mergeCell ref="E19:H19"/>
    <mergeCell ref="E20:H20"/>
    <mergeCell ref="E21:H21"/>
    <mergeCell ref="B22:D22"/>
    <mergeCell ref="I14:M14"/>
    <mergeCell ref="E14:H14"/>
    <mergeCell ref="E15:H15"/>
    <mergeCell ref="I15:M21"/>
    <mergeCell ref="E22:M22"/>
    <mergeCell ref="B14:D14"/>
    <mergeCell ref="B15:D15"/>
    <mergeCell ref="B16:D16"/>
    <mergeCell ref="B17:D17"/>
    <mergeCell ref="B18:D18"/>
    <mergeCell ref="B19:D19"/>
    <mergeCell ref="B20:D20"/>
    <mergeCell ref="D11:G11"/>
    <mergeCell ref="B8:C8"/>
    <mergeCell ref="B9:C9"/>
    <mergeCell ref="B10:C10"/>
    <mergeCell ref="B7:M7"/>
    <mergeCell ref="G5:I5"/>
    <mergeCell ref="B3:C3"/>
    <mergeCell ref="B4:C5"/>
    <mergeCell ref="D3:F3"/>
    <mergeCell ref="D4:F4"/>
    <mergeCell ref="D5:F5"/>
    <mergeCell ref="K37:M37"/>
    <mergeCell ref="K38:M38"/>
    <mergeCell ref="B34:J34"/>
    <mergeCell ref="B36:J36"/>
    <mergeCell ref="B35:J35"/>
    <mergeCell ref="B37:J37"/>
    <mergeCell ref="B38:J38"/>
    <mergeCell ref="K34:M34"/>
    <mergeCell ref="K35:M35"/>
    <mergeCell ref="B1:L1"/>
    <mergeCell ref="B28:D28"/>
    <mergeCell ref="C32:F32"/>
    <mergeCell ref="B11:C11"/>
    <mergeCell ref="K36:M36"/>
    <mergeCell ref="F27:J27"/>
    <mergeCell ref="K27:L27"/>
    <mergeCell ref="B27:D27"/>
    <mergeCell ref="K9:M9"/>
    <mergeCell ref="K10:M10"/>
    <mergeCell ref="D8:G8"/>
    <mergeCell ref="D9:G9"/>
    <mergeCell ref="D10:G10"/>
    <mergeCell ref="B21:D21"/>
    <mergeCell ref="G3:I3"/>
    <mergeCell ref="G4:I4"/>
  </mergeCells>
  <phoneticPr fontId="2"/>
  <dataValidations count="1">
    <dataValidation type="list" allowBlank="1" showInputMessage="1" showErrorMessage="1" sqref="B4:C5" xr:uid="{67D412F7-634A-40FB-BB6F-79DA4FE1791A}">
      <formula1>"雑貨・日用品,食品"</formula1>
    </dataValidation>
  </dataValidations>
  <pageMargins left="0.7" right="0.7" top="0.75" bottom="0.75" header="0.3" footer="0.3"/>
  <pageSetup paperSize="9" scale="91" orientation="portrait" r:id="rId1"/>
  <extLst>
    <ext xmlns:x14="http://schemas.microsoft.com/office/spreadsheetml/2009/9/main" uri="{CCE6A557-97BC-4b89-ADB6-D9C93CAAB3DF}">
      <x14:dataValidations xmlns:xm="http://schemas.microsoft.com/office/excel/2006/main" count="3">
        <x14:dataValidation type="list" allowBlank="1" showInputMessage="1" showErrorMessage="1" xr:uid="{73CB18C6-2F9F-48B2-A004-502EAE22294C}">
          <x14:formula1>
            <xm:f>Sheet1!$A$3:$A$4</xm:f>
          </x14:formula1>
          <xm:sqref>L29 L30 B29 B30 B31 D29 D30 D31 F29 F30 F31 H29 H30 H31 J29 J30</xm:sqref>
        </x14:dataValidation>
        <x14:dataValidation type="list" allowBlank="1" showInputMessage="1" showErrorMessage="1" xr:uid="{02EAD61C-036B-4AD5-9AB0-05103EC1A19A}">
          <x14:formula1>
            <xm:f>Sheet1!$A$23:$A$24</xm:f>
          </x14:formula1>
          <xm:sqref>K34:M34 K35:M35 K36:M36 K37:M37</xm:sqref>
        </x14:dataValidation>
        <x14:dataValidation type="list" allowBlank="1" showInputMessage="1" showErrorMessage="1" xr:uid="{C8B2C53B-1F29-4A08-BE85-A9E6528CCEA5}">
          <x14:formula1>
            <xm:f>Sheet1!$A$29:$A$30</xm:f>
          </x14:formula1>
          <xm:sqref>E27 E28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9307B17-0E07-44B6-982F-80DA3AD404E7}">
  <dimension ref="A3:Z41"/>
  <sheetViews>
    <sheetView topLeftCell="K1" workbookViewId="0">
      <selection activeCell="N22" sqref="N22:N23"/>
    </sheetView>
  </sheetViews>
  <sheetFormatPr defaultColWidth="9" defaultRowHeight="13"/>
  <cols>
    <col min="1" max="4" width="9" style="16"/>
    <col min="5" max="8" width="15.08984375" style="16" customWidth="1"/>
    <col min="9" max="9" width="30.08984375" style="16" customWidth="1"/>
    <col min="10" max="13" width="15.08984375" style="16" customWidth="1"/>
    <col min="14" max="14" width="21.453125" style="16" customWidth="1"/>
    <col min="15" max="26" width="15.08984375" style="16" customWidth="1"/>
    <col min="27" max="16384" width="9" style="16"/>
  </cols>
  <sheetData>
    <row r="3" spans="1:24">
      <c r="A3" s="16" t="s">
        <v>58</v>
      </c>
      <c r="B3" s="16" t="s">
        <v>59</v>
      </c>
      <c r="E3" s="17" t="s">
        <v>60</v>
      </c>
      <c r="F3" s="17" t="s">
        <v>61</v>
      </c>
      <c r="G3" s="17" t="s">
        <v>62</v>
      </c>
      <c r="H3" s="17" t="s">
        <v>63</v>
      </c>
      <c r="I3" s="17" t="s">
        <v>208</v>
      </c>
      <c r="J3" s="17" t="s">
        <v>65</v>
      </c>
      <c r="K3" s="17" t="s">
        <v>66</v>
      </c>
      <c r="L3" s="17" t="s">
        <v>67</v>
      </c>
      <c r="M3" s="17" t="s">
        <v>68</v>
      </c>
      <c r="N3" s="17" t="s">
        <v>69</v>
      </c>
      <c r="O3" s="17" t="s">
        <v>70</v>
      </c>
      <c r="P3" s="17" t="s">
        <v>71</v>
      </c>
      <c r="Q3" s="17" t="s">
        <v>72</v>
      </c>
      <c r="R3" s="17" t="s">
        <v>73</v>
      </c>
      <c r="S3" s="17" t="s">
        <v>74</v>
      </c>
      <c r="T3" s="17" t="s">
        <v>75</v>
      </c>
      <c r="U3" s="17" t="s">
        <v>76</v>
      </c>
      <c r="V3" s="17" t="s">
        <v>77</v>
      </c>
      <c r="W3" s="17" t="s">
        <v>78</v>
      </c>
      <c r="X3" s="17" t="s">
        <v>79</v>
      </c>
    </row>
    <row r="4" spans="1:24">
      <c r="B4" s="16" t="s">
        <v>80</v>
      </c>
      <c r="E4" s="16" t="s">
        <v>81</v>
      </c>
      <c r="F4" s="16" t="s">
        <v>82</v>
      </c>
      <c r="G4" s="16" t="s">
        <v>62</v>
      </c>
      <c r="H4" s="16" t="s">
        <v>83</v>
      </c>
      <c r="I4" s="16" t="s">
        <v>84</v>
      </c>
      <c r="J4" s="16" t="s">
        <v>85</v>
      </c>
      <c r="K4" s="16" t="s">
        <v>86</v>
      </c>
      <c r="L4" s="16" t="s">
        <v>87</v>
      </c>
      <c r="M4" s="16" t="s">
        <v>88</v>
      </c>
      <c r="N4" s="16" t="s">
        <v>89</v>
      </c>
      <c r="O4" s="16" t="s">
        <v>90</v>
      </c>
      <c r="P4" s="16" t="s">
        <v>91</v>
      </c>
      <c r="Q4" s="16" t="s">
        <v>92</v>
      </c>
      <c r="R4" s="16" t="s">
        <v>93</v>
      </c>
      <c r="S4" s="16" t="s">
        <v>94</v>
      </c>
      <c r="T4" s="16" t="s">
        <v>95</v>
      </c>
      <c r="U4" s="16" t="s">
        <v>96</v>
      </c>
      <c r="V4" s="16" t="s">
        <v>97</v>
      </c>
      <c r="W4" s="16" t="s">
        <v>98</v>
      </c>
      <c r="X4" s="16" t="s">
        <v>99</v>
      </c>
    </row>
    <row r="5" spans="1:24">
      <c r="B5" s="16" t="s">
        <v>100</v>
      </c>
      <c r="E5" s="16" t="s">
        <v>101</v>
      </c>
      <c r="F5" s="16" t="s">
        <v>102</v>
      </c>
      <c r="H5" s="16" t="s">
        <v>103</v>
      </c>
      <c r="I5" s="16" t="s">
        <v>104</v>
      </c>
      <c r="J5" s="16" t="s">
        <v>105</v>
      </c>
      <c r="K5" s="16" t="s">
        <v>106</v>
      </c>
      <c r="L5" s="16" t="s">
        <v>107</v>
      </c>
      <c r="M5" s="16" t="s">
        <v>108</v>
      </c>
      <c r="N5" s="16" t="s">
        <v>109</v>
      </c>
      <c r="O5" s="16" t="s">
        <v>110</v>
      </c>
      <c r="P5" s="16" t="s">
        <v>111</v>
      </c>
      <c r="Q5" s="16" t="s">
        <v>112</v>
      </c>
      <c r="R5" s="16" t="s">
        <v>113</v>
      </c>
      <c r="S5" s="16" t="s">
        <v>114</v>
      </c>
      <c r="T5" s="16" t="s">
        <v>115</v>
      </c>
      <c r="U5" s="16" t="s">
        <v>116</v>
      </c>
      <c r="V5" s="16" t="s">
        <v>117</v>
      </c>
      <c r="W5" s="16" t="s">
        <v>118</v>
      </c>
    </row>
    <row r="6" spans="1:24">
      <c r="B6" s="16" t="s">
        <v>119</v>
      </c>
      <c r="H6" s="16" t="s">
        <v>120</v>
      </c>
      <c r="I6" s="16" t="s">
        <v>121</v>
      </c>
      <c r="J6" s="16" t="s">
        <v>122</v>
      </c>
      <c r="K6" s="16" t="s">
        <v>123</v>
      </c>
      <c r="L6" s="16" t="s">
        <v>124</v>
      </c>
      <c r="M6" s="16" t="s">
        <v>125</v>
      </c>
      <c r="N6" s="16" t="s">
        <v>126</v>
      </c>
      <c r="O6" s="16" t="s">
        <v>127</v>
      </c>
      <c r="P6" s="16" t="s">
        <v>128</v>
      </c>
      <c r="Q6" s="16" t="s">
        <v>129</v>
      </c>
      <c r="R6" s="16" t="s">
        <v>130</v>
      </c>
      <c r="T6" s="16" t="s">
        <v>131</v>
      </c>
      <c r="V6" s="16" t="s">
        <v>132</v>
      </c>
    </row>
    <row r="7" spans="1:24">
      <c r="B7" s="16" t="s">
        <v>133</v>
      </c>
      <c r="I7" s="16" t="s">
        <v>134</v>
      </c>
      <c r="J7" s="16" t="s">
        <v>135</v>
      </c>
      <c r="K7" s="16" t="s">
        <v>136</v>
      </c>
      <c r="L7" s="16" t="s">
        <v>137</v>
      </c>
      <c r="M7" s="16" t="s">
        <v>138</v>
      </c>
      <c r="N7" s="16" t="s">
        <v>139</v>
      </c>
      <c r="P7" s="16" t="s">
        <v>140</v>
      </c>
      <c r="V7" s="16" t="s">
        <v>141</v>
      </c>
    </row>
    <row r="8" spans="1:24">
      <c r="B8" s="16" t="s">
        <v>142</v>
      </c>
      <c r="I8" s="16" t="s">
        <v>143</v>
      </c>
      <c r="K8" s="16" t="s">
        <v>144</v>
      </c>
      <c r="L8" s="16" t="s">
        <v>145</v>
      </c>
      <c r="M8" s="16" t="s">
        <v>146</v>
      </c>
      <c r="N8" s="16" t="s">
        <v>147</v>
      </c>
      <c r="V8" s="16" t="s">
        <v>148</v>
      </c>
    </row>
    <row r="9" spans="1:24">
      <c r="B9" s="16" t="s">
        <v>149</v>
      </c>
      <c r="I9" s="16" t="s">
        <v>150</v>
      </c>
      <c r="L9" s="16" t="s">
        <v>151</v>
      </c>
      <c r="M9" s="16" t="s">
        <v>152</v>
      </c>
      <c r="N9" s="16" t="s">
        <v>153</v>
      </c>
      <c r="V9" s="16" t="s">
        <v>154</v>
      </c>
    </row>
    <row r="10" spans="1:24">
      <c r="B10" s="16" t="s">
        <v>155</v>
      </c>
      <c r="I10" s="16" t="s">
        <v>156</v>
      </c>
      <c r="L10" s="16" t="s">
        <v>157</v>
      </c>
      <c r="M10" s="16" t="s">
        <v>158</v>
      </c>
      <c r="V10" s="16" t="s">
        <v>159</v>
      </c>
    </row>
    <row r="11" spans="1:24">
      <c r="B11" s="16" t="s">
        <v>160</v>
      </c>
      <c r="I11" s="16" t="s">
        <v>161</v>
      </c>
      <c r="L11" s="16" t="s">
        <v>162</v>
      </c>
      <c r="M11" s="16" t="s">
        <v>163</v>
      </c>
      <c r="V11" s="16" t="s">
        <v>164</v>
      </c>
    </row>
    <row r="12" spans="1:24">
      <c r="I12" s="16" t="s">
        <v>165</v>
      </c>
      <c r="M12" s="16" t="s">
        <v>166</v>
      </c>
      <c r="V12" s="16" t="s">
        <v>167</v>
      </c>
    </row>
    <row r="13" spans="1:24">
      <c r="I13" s="16" t="s">
        <v>168</v>
      </c>
      <c r="M13" s="16" t="s">
        <v>169</v>
      </c>
    </row>
    <row r="14" spans="1:24">
      <c r="I14" s="16" t="s">
        <v>170</v>
      </c>
      <c r="M14" s="16" t="s">
        <v>171</v>
      </c>
    </row>
    <row r="15" spans="1:24">
      <c r="I15" s="16" t="s">
        <v>172</v>
      </c>
      <c r="M15" s="16" t="s">
        <v>173</v>
      </c>
    </row>
    <row r="16" spans="1:24">
      <c r="I16" s="16" t="s">
        <v>174</v>
      </c>
    </row>
    <row r="17" spans="1:9">
      <c r="I17" s="16" t="s">
        <v>175</v>
      </c>
    </row>
    <row r="18" spans="1:9">
      <c r="A18" s="16" t="s">
        <v>203</v>
      </c>
      <c r="I18" s="16" t="s">
        <v>176</v>
      </c>
    </row>
    <row r="19" spans="1:9">
      <c r="A19" s="16" t="s">
        <v>204</v>
      </c>
      <c r="I19" s="16" t="s">
        <v>177</v>
      </c>
    </row>
    <row r="20" spans="1:9">
      <c r="I20" s="16" t="s">
        <v>178</v>
      </c>
    </row>
    <row r="21" spans="1:9">
      <c r="I21" s="16" t="s">
        <v>179</v>
      </c>
    </row>
    <row r="22" spans="1:9">
      <c r="I22" s="16" t="s">
        <v>180</v>
      </c>
    </row>
    <row r="23" spans="1:9">
      <c r="A23" s="16" t="s">
        <v>205</v>
      </c>
      <c r="I23" s="16" t="s">
        <v>181</v>
      </c>
    </row>
    <row r="24" spans="1:9">
      <c r="I24" s="16" t="s">
        <v>182</v>
      </c>
    </row>
    <row r="25" spans="1:9">
      <c r="I25" s="16" t="s">
        <v>183</v>
      </c>
    </row>
    <row r="26" spans="1:9">
      <c r="I26" s="16" t="s">
        <v>184</v>
      </c>
    </row>
    <row r="27" spans="1:9">
      <c r="I27" s="16" t="s">
        <v>185</v>
      </c>
    </row>
    <row r="29" spans="1:9">
      <c r="A29" s="16" t="s">
        <v>206</v>
      </c>
    </row>
    <row r="30" spans="1:9">
      <c r="A30" s="16" t="s">
        <v>207</v>
      </c>
    </row>
    <row r="41" spans="7:26">
      <c r="G41" s="16" t="s">
        <v>186</v>
      </c>
      <c r="H41" s="16" t="s">
        <v>61</v>
      </c>
      <c r="I41" s="16" t="s">
        <v>187</v>
      </c>
      <c r="J41" s="16" t="s">
        <v>188</v>
      </c>
      <c r="K41" s="16" t="s">
        <v>64</v>
      </c>
      <c r="L41" s="16" t="s">
        <v>189</v>
      </c>
      <c r="M41" s="16" t="s">
        <v>190</v>
      </c>
      <c r="N41" s="16" t="s">
        <v>191</v>
      </c>
      <c r="O41" s="16" t="s">
        <v>192</v>
      </c>
      <c r="P41" s="16" t="s">
        <v>193</v>
      </c>
      <c r="Q41" s="16" t="s">
        <v>194</v>
      </c>
      <c r="R41" s="16" t="s">
        <v>195</v>
      </c>
      <c r="S41" s="16" t="s">
        <v>196</v>
      </c>
      <c r="T41" s="16" t="s">
        <v>197</v>
      </c>
      <c r="U41" s="16" t="s">
        <v>198</v>
      </c>
      <c r="V41" s="16" t="s">
        <v>199</v>
      </c>
      <c r="W41" s="16" t="s">
        <v>200</v>
      </c>
      <c r="X41" s="16" t="s">
        <v>201</v>
      </c>
      <c r="Y41" s="16" t="s">
        <v>202</v>
      </c>
      <c r="Z41" s="16" t="s">
        <v>99</v>
      </c>
    </row>
  </sheetData>
  <phoneticPr fontId="2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1</vt:i4>
      </vt:variant>
    </vt:vector>
  </HeadingPairs>
  <TitlesOfParts>
    <vt:vector size="23" baseType="lpstr">
      <vt:lpstr>商品シート</vt:lpstr>
      <vt:lpstr>Sheet1</vt:lpstr>
      <vt:lpstr>商品シート!Print_Area</vt:lpstr>
      <vt:lpstr>サービス業・他に分類されないもの</vt:lpstr>
      <vt:lpstr>医療・福祉</vt:lpstr>
      <vt:lpstr>運輸業・郵便業</vt:lpstr>
      <vt:lpstr>卸売業・小売業</vt:lpstr>
      <vt:lpstr>学術研究・専門・技術サービス業</vt:lpstr>
      <vt:lpstr>漁業</vt:lpstr>
      <vt:lpstr>教育・学習支援業</vt:lpstr>
      <vt:lpstr>金融業・保険業</vt:lpstr>
      <vt:lpstr>建設業</vt:lpstr>
      <vt:lpstr>公務・他に分類されるものを除く</vt:lpstr>
      <vt:lpstr>鉱業・採石業・砂利採取業</vt:lpstr>
      <vt:lpstr>宿泊業・飲食サービス業</vt:lpstr>
      <vt:lpstr>情報通信業</vt:lpstr>
      <vt:lpstr>生活関連サービス業・娯楽業</vt:lpstr>
      <vt:lpstr>製造業</vt:lpstr>
      <vt:lpstr>電気・ガス・熱供給・水道業</vt:lpstr>
      <vt:lpstr>農業・林業</vt:lpstr>
      <vt:lpstr>不動産業・物品賃貸業</vt:lpstr>
      <vt:lpstr>複合サービス事業</vt:lpstr>
      <vt:lpstr>分類不能の産業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-</cp:lastModifiedBy>
  <cp:lastPrinted>2023-06-01T03:13:20Z</cp:lastPrinted>
  <dcterms:created xsi:type="dcterms:W3CDTF">1997-01-08T22:48:59Z</dcterms:created>
  <dcterms:modified xsi:type="dcterms:W3CDTF">2024-06-21T03:31:40Z</dcterms:modified>
</cp:coreProperties>
</file>